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127"/>
  <workbookPr defaultThemeVersion="166925"/>
  <mc:AlternateContent xmlns:mc="http://schemas.openxmlformats.org/markup-compatibility/2006">
    <mc:Choice Requires="x15">
      <x15ac:absPath xmlns:x15ac="http://schemas.microsoft.com/office/spreadsheetml/2010/11/ac" url="C:\Users\s32536\Desktop\"/>
    </mc:Choice>
  </mc:AlternateContent>
  <xr:revisionPtr revIDLastSave="0" documentId="8_{E2D4B845-A3C0-44DD-814E-86423E858482}" xr6:coauthVersionLast="45" xr6:coauthVersionMax="45" xr10:uidLastSave="{00000000-0000-0000-0000-000000000000}"/>
  <bookViews>
    <workbookView showSheetTabs="0" xWindow="-108" yWindow="-108" windowWidth="23256" windowHeight="14016" xr2:uid="{5CA793E3-69B4-4C24-BD53-94BD7254DA1B}"/>
  </bookViews>
  <sheets>
    <sheet name="Contents" sheetId="1" r:id="rId1"/>
    <sheet name="Details" sheetId="2" r:id="rId2"/>
    <sheet name="Table" sheetId="3" r:id="rId3"/>
  </sheets>
  <definedNames>
    <definedName name="_xlnm._FilterDatabase" localSheetId="0" hidden="1">Contents!$A$6:$C$6</definedName>
    <definedName name="_xlnm.Print_Area" localSheetId="0">Contents!$B:$C</definedName>
    <definedName name="_xlnm.Print_Area" localSheetId="1">Details!$B$2:$D$18</definedName>
    <definedName name="_xlnm.Print_Area" localSheetId="2">Table!$B$1:$Z$3278</definedName>
    <definedName name="_xlnm.Print_Titles" localSheetId="0">Contents!$6:$6</definedName>
  </definedNames>
  <calcPr calcId="191029" calcMode="manual"/>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4693" uniqueCount="468">
  <si>
    <t>表頭</t>
    <rPh sb="0" eb="1">
      <t>ヒョウ</t>
    </rPh>
    <rPh sb="1" eb="2">
      <t>トウ</t>
    </rPh>
    <phoneticPr fontId="2"/>
  </si>
  <si>
    <t>表側</t>
    <rPh sb="0" eb="1">
      <t>ヒョウ</t>
    </rPh>
    <rPh sb="1" eb="2">
      <t>ソク</t>
    </rPh>
    <phoneticPr fontId="2"/>
  </si>
  <si>
    <t>■ 調査概要</t>
    <rPh sb="2" eb="4">
      <t>チョウサ</t>
    </rPh>
    <rPh sb="4" eb="6">
      <t>ガイヨウ</t>
    </rPh>
    <phoneticPr fontId="2"/>
  </si>
  <si>
    <t>調査区分</t>
    <rPh sb="0" eb="2">
      <t>チョウサ</t>
    </rPh>
    <rPh sb="2" eb="4">
      <t>クブン</t>
    </rPh>
    <phoneticPr fontId="2"/>
  </si>
  <si>
    <t>調査対象</t>
    <rPh sb="0" eb="2">
      <t>チョウサ</t>
    </rPh>
    <rPh sb="2" eb="4">
      <t>タイショウ</t>
    </rPh>
    <phoneticPr fontId="2"/>
  </si>
  <si>
    <t>依頼数</t>
    <rPh sb="0" eb="2">
      <t>イライ</t>
    </rPh>
    <rPh sb="2" eb="3">
      <t>スウ</t>
    </rPh>
    <phoneticPr fontId="2"/>
  </si>
  <si>
    <t>調査依頼した対象者数です。</t>
  </si>
  <si>
    <t>有効回答数</t>
    <rPh sb="0" eb="2">
      <t>ユウコウ</t>
    </rPh>
    <rPh sb="2" eb="5">
      <t>カイトウスウ</t>
    </rPh>
    <phoneticPr fontId="2"/>
  </si>
  <si>
    <t>集計対象とする有効回答の対象者数です。</t>
    <phoneticPr fontId="2"/>
  </si>
  <si>
    <t>回収率</t>
    <rPh sb="0" eb="2">
      <t>カイシュウ</t>
    </rPh>
    <rPh sb="2" eb="3">
      <t>リツ</t>
    </rPh>
    <phoneticPr fontId="2"/>
  </si>
  <si>
    <t>（有効回答数/依頼数）</t>
    <rPh sb="1" eb="3">
      <t>ユウコウ</t>
    </rPh>
    <rPh sb="3" eb="5">
      <t>カイトウ</t>
    </rPh>
    <phoneticPr fontId="2"/>
  </si>
  <si>
    <t>回答時間中央値</t>
    <rPh sb="0" eb="2">
      <t>カイトウ</t>
    </rPh>
    <rPh sb="2" eb="4">
      <t>ジカン</t>
    </rPh>
    <rPh sb="4" eb="6">
      <t>チュウオウ</t>
    </rPh>
    <rPh sb="6" eb="7">
      <t>チ</t>
    </rPh>
    <phoneticPr fontId="2"/>
  </si>
  <si>
    <t>有効回答者の回答時間をソートした時、中央に位置する値です。（時：分：秒）</t>
    <phoneticPr fontId="2"/>
  </si>
  <si>
    <t>回答時間平均値</t>
    <rPh sb="0" eb="2">
      <t>カイトウ</t>
    </rPh>
    <rPh sb="2" eb="4">
      <t>ジカン</t>
    </rPh>
    <rPh sb="4" eb="7">
      <t>ヘイキンチ</t>
    </rPh>
    <phoneticPr fontId="2"/>
  </si>
  <si>
    <t>有効回答者が回答完了までに要した時間の平均値です。（時：分：秒）</t>
    <phoneticPr fontId="2"/>
  </si>
  <si>
    <t>■ 集計情報</t>
    <rPh sb="2" eb="4">
      <t>シュウケイ</t>
    </rPh>
    <rPh sb="4" eb="6">
      <t>ジョウホウ</t>
    </rPh>
    <phoneticPr fontId="2"/>
  </si>
  <si>
    <t>集計ベース</t>
    <rPh sb="0" eb="2">
      <t>シュウケイ</t>
    </rPh>
    <phoneticPr fontId="2"/>
  </si>
  <si>
    <t>回答者ベース：質問項目ごとの回答対象者 ／ 全数ベース：調査の全回答者</t>
    <rPh sb="0" eb="2">
      <t>カイトウ</t>
    </rPh>
    <rPh sb="2" eb="3">
      <t>シャ</t>
    </rPh>
    <rPh sb="7" eb="9">
      <t>シツモン</t>
    </rPh>
    <rPh sb="9" eb="11">
      <t>コウモク</t>
    </rPh>
    <rPh sb="14" eb="16">
      <t>カイトウ</t>
    </rPh>
    <rPh sb="16" eb="19">
      <t>タイショウシャ</t>
    </rPh>
    <rPh sb="22" eb="24">
      <t>ゼンスウ</t>
    </rPh>
    <rPh sb="28" eb="30">
      <t>チョウサ</t>
    </rPh>
    <rPh sb="31" eb="32">
      <t>ゼン</t>
    </rPh>
    <rPh sb="32" eb="34">
      <t>カイトウ</t>
    </rPh>
    <rPh sb="34" eb="35">
      <t>シャ</t>
    </rPh>
    <phoneticPr fontId="2"/>
  </si>
  <si>
    <t>ウエイトバック</t>
    <phoneticPr fontId="2"/>
  </si>
  <si>
    <t>集計ベースの絞り込み条件</t>
    <rPh sb="0" eb="2">
      <t>シュウケイ</t>
    </rPh>
    <rPh sb="6" eb="7">
      <t>シボ</t>
    </rPh>
    <rPh sb="8" eb="9">
      <t>コ</t>
    </rPh>
    <rPh sb="10" eb="12">
      <t>ジョウケン</t>
    </rPh>
    <phoneticPr fontId="2"/>
  </si>
  <si>
    <t>調査名：第42回勤労者の仕事と暮らしに関する調査</t>
  </si>
  <si>
    <t>調査票タイトル：勤労者の仕事と暮らしに関するアンケート</t>
  </si>
  <si>
    <t>調査期間：2021/10/01～2021/10/05</t>
  </si>
  <si>
    <t>回答者ベース / 絞込み無 / ウエイトバック無</t>
  </si>
  <si>
    <t>調査概要・集計条件詳細</t>
  </si>
  <si>
    <t>目次</t>
  </si>
  <si>
    <t>作成日時：2021/10/14 13:16:51</t>
  </si>
  <si>
    <t>本調査</t>
  </si>
  <si>
    <t>34036 s</t>
  </si>
  <si>
    <t>4307 s</t>
  </si>
  <si>
    <t>12.7 %</t>
  </si>
  <si>
    <t>00:11:07</t>
  </si>
  <si>
    <t>00:33:56</t>
  </si>
  <si>
    <t>回答者ベース</t>
  </si>
  <si>
    <t>無</t>
  </si>
  <si>
    <t xml:space="preserve"> </t>
  </si>
  <si>
    <t>ＱＴ１８　１週間あたりの在宅勤務・テレワークの日数  新型コロナウイルス問題が発生する前</t>
  </si>
  <si>
    <t>＊＊　表側①＊＊</t>
  </si>
  <si>
    <t>TOTAL</t>
  </si>
  <si>
    <t>産業別　　　　　　　建設業</t>
  </si>
  <si>
    <t>　　　　　　　　　　製造業</t>
  </si>
  <si>
    <t>　　　　　　　　　　電気・ガス・熱供給・水道業</t>
  </si>
  <si>
    <t>　　　　　　　　　　運輸・情報通信業</t>
  </si>
  <si>
    <t>　　　　　　　　　　卸売・小売業・飲食店・宿泊業</t>
  </si>
  <si>
    <t>　　　　　　　　　　金融・保険業・不動産業</t>
  </si>
  <si>
    <t>　　　　　　　　　　その他サービス業</t>
  </si>
  <si>
    <t>世帯年収別　　　　　４００万未満</t>
  </si>
  <si>
    <t>　　　　　　　　　　４００～６００万未満</t>
  </si>
  <si>
    <t>　　　　　　　　　　６００～８００万未満</t>
  </si>
  <si>
    <t>　　　　　　　　　　８００～１，０００万未満</t>
  </si>
  <si>
    <t>　　　　　　　　　　１，０００～１，２００万未満</t>
  </si>
  <si>
    <t>　　　　　　　　　　１，２００万以上</t>
  </si>
  <si>
    <t>企業規模別　　　　　２９人以下</t>
  </si>
  <si>
    <t>　　　　　　　　　　３０～９９人</t>
  </si>
  <si>
    <t>　　　　　　　　　　１００～９９９人</t>
  </si>
  <si>
    <t>　　　　　　　　　　１，０００人以上</t>
  </si>
  <si>
    <t>組合有無　　　　　　労組あり</t>
  </si>
  <si>
    <t>　　　　　　　　　　労組なし</t>
  </si>
  <si>
    <t>組合加入　　　　　　労組入っている</t>
  </si>
  <si>
    <t>　　　　　　　　　　労組入っていない</t>
  </si>
  <si>
    <t>首都圏　　　男女計</t>
  </si>
  <si>
    <t>関西圏　　　男女計</t>
  </si>
  <si>
    <t>男性計</t>
  </si>
  <si>
    <t>年齢層別　　　　　　２０～２９歳</t>
  </si>
  <si>
    <t>　　　　　　　　　　３０～３９歳</t>
  </si>
  <si>
    <t>　　　　　　　　　　４０～４９歳</t>
  </si>
  <si>
    <t>　　　　　　　　　　５０～５９歳</t>
  </si>
  <si>
    <t>　　　　　　　　　　６０～６４歳</t>
  </si>
  <si>
    <t>従業区分　　正社員</t>
  </si>
  <si>
    <t>　　　　　　非正社員</t>
  </si>
  <si>
    <t>女性計</t>
  </si>
  <si>
    <t>質問文原文</t>
  </si>
  <si>
    <t>【表頭】在宅勤務・テレワークについておききします。あなたの1週間あたりの在宅勤務・テレワークの日数は、次の2つの時点で何日でしたか。（回答は横の行ごとに1つずつ）●在宅勤務・テレワークについておうかがいします。  新型コロナウイルス問題が発生する前の通常月の週あたり在宅勤務・テレワーク日数</t>
  </si>
  <si>
    <t>【表側】</t>
  </si>
  <si>
    <t>ＱＴ１８　１週間あたりの在宅勤務・テレワークの日数  2021年9月</t>
  </si>
  <si>
    <t>【表頭】在宅勤務・テレワークについておききします。あなたの1週間あたりの在宅勤務・テレワークの日数は、次の2つの時点で何日でしたか。（回答は横の行ごとに1つずつ）●在宅勤務・テレワークについておうかがいします。  2021年9月の週あたりの在宅勤務・テレワーク日数 </t>
  </si>
  <si>
    <t>＊ＱＴ１８　１週間あたりの在宅勤務・テレワークの日数（大分類）  新型コロナウイルス問題が発生する前</t>
  </si>
  <si>
    <t>＊ＱＴ１８　１週間あたりの在宅勤務・テレワークの日数（大分類）  2021年9月</t>
  </si>
  <si>
    <t>ＱＴ１９　職場での労働時間管理方法＜Ｍ．Ａ＞［ベース：在宅勤務・テレワーク実施者］  出勤した際の時間管理方法</t>
  </si>
  <si>
    <t>【表頭】あなたの職場では、どのような方法で労働時間を管理（把握）していますか。（回答は横の行ごとにいくつでも）Q44で1日～7日を選択した方におたずねします。  出勤した際の時間管理方法</t>
  </si>
  <si>
    <t>ＱＴ１９　職場での労働時間管理方法＜Ｍ．Ａ＞［ベース：在宅勤務・テレワーク実施者］  在宅勤務・テレワークをした際の時間管理方法</t>
  </si>
  <si>
    <t>【表頭】あなたの職場では、どのような方法で労働時間を管理（把握）していますか。（回答は横の行ごとにいくつでも）Q44で1日～7日を選択した方におたずねします。  在宅勤務・テレワークをした際の時間管理方法 </t>
  </si>
  <si>
    <t>＊ＱＴ１９　職場での労働時間管理方法［ベース：労働時間管理方法１つ］  出勤した際の時間管理方法</t>
  </si>
  <si>
    <t>＊ＱＴ１９　職場での労働時間管理方法［ベース：労働時間管理方法１つ］  在宅勤務・テレワークをした際の時間管理方法</t>
  </si>
  <si>
    <t>ＱＴ２０　職場での長時間労働是正のための取り組み＜Ｍ．Ａ＞</t>
  </si>
  <si>
    <t>【表頭】あなたの勤め先では、働き方改革関連法施行前（おおよそ3年前）と比べて、長時間労働是正のためにどのような取り組みが行われましたか。あてはまるものをすべて選んでください。（回答はいくつでも）●働き方改革関連法による労働時間の適正化についておうかがいします。※残業時間上限規制が大企業では2019年4月から、中小企業では2020月4月から施行されました。年次有給休暇の5日取得義務が2019年4月から施行されました。</t>
  </si>
  <si>
    <t>＊ＱＴ２０　職場での長時間労働是正のための取り組み［ベース：長時間労働是正のための取り組み１つ］</t>
  </si>
  <si>
    <t>ＱＴ２１　長時間労働是正の取り組みの成果  業務の生産性・効率性</t>
  </si>
  <si>
    <t>【表頭】あなたの勤め先では、働き方改革関連法施行前（おおよそ3年前）と比べて、長時間労働是正の取り組みの成果として、業務の生産性・効率性は向上したと思いますか。また、あなたの仕事の満足度と生活の満足度は改善しましたか。（回答は横の行ごとに1つずつ）  業務の生産性・効率性</t>
  </si>
  <si>
    <t>ＱＴ２１　長時間労働是正の取り組みの成果  あなたの仕事の満足度</t>
  </si>
  <si>
    <t>【表頭】あなたの勤め先では、働き方改革関連法施行前（おおよそ3年前）と比べて、長時間労働是正の取り組みの成果として、業務の生産性・効率性は向上したと思いますか。また、あなたの仕事の満足度と生活の満足度は改善しましたか。（回答は横の行ごとに1つずつ）  あなたの仕事の満足度 </t>
  </si>
  <si>
    <t>ＱＴ２１　長時間労働是正の取り組みの成果  あなたの生活の満足度</t>
  </si>
  <si>
    <t>【表頭】あなたの勤め先では、働き方改革関連法施行前（おおよそ3年前）と比べて、長時間労働是正の取り組みの成果として、業務の生産性・効率性は向上したと思いますか。また、あなたの仕事の満足度と生活の満足度は改善しましたか。（回答は横の行ごとに1つずつ）  あなたの生活の満足度</t>
  </si>
  <si>
    <t>ＱＴ２１　長時間労働是正の取り組みの成果  仕事と生活の調和（ワークライフバランス）</t>
  </si>
  <si>
    <t>【表頭】あなたの勤め先では、働き方改革関連法施行前（おおよそ3年前）と比べて、長時間労働是正の取り組みの成果として、業務の生産性・効率性は向上したと思いますか。また、あなたの仕事の満足度と生活の満足度は改善しましたか。（回答は横の行ごとに1つずつ）  仕事と生活の調和（ワークライフバランス）</t>
  </si>
  <si>
    <t>＊ＱＴ２１　長時間労働是正の取り組みの成果  業務の生産性・効率性</t>
  </si>
  <si>
    <t>＊ＱＴ２１　長時間労働是正の取り組みの成果  あなたの仕事の満足度</t>
  </si>
  <si>
    <t>＊ＱＴ２１　長時間労働是正の取り組みの成果  あなたの生活の満足度</t>
  </si>
  <si>
    <t>＊ＱＴ２１　長時間労働是正の取り組みの成果  仕事と生活の調和(ワークライフバランス)</t>
  </si>
  <si>
    <t>ＱＴ２２　同一労働同一賃金の取り組みについての会社からの説明</t>
  </si>
  <si>
    <t>【表頭】同一労働同一賃金の取り組みについて会社からの説明はありましたか。（回答は1つ）●働き方改革関連法の同一労働同一賃金（雇用形態間の不合理な待遇差の解消）についておうかがいします。※雇用形態間の不合理な待遇差の解消が大企業では2020年4月から、中小企業では2021年4月から施行されました。</t>
  </si>
  <si>
    <t>ＱＴ２３＿１　働き方改革関連法施行前比較した勤労意欲や処遇の変化  勤労意欲</t>
  </si>
  <si>
    <t>【表頭】あなたの勤め先では、働き方改革関連法施行前（おおよそ3年前）と比べて、あなたの勤労意欲や処遇はどのように変化しましたか。それぞれの項目について、あてはまるものを選んでください。（回答は横の行ごとに該当するものにチェックを入れてください）  勤労意欲</t>
  </si>
  <si>
    <t>ＱＴ２３＿１　働き方改革関連法施行前比較した勤労意欲や処遇の変化  基本給（時給）</t>
  </si>
  <si>
    <t>【表頭】あなたの勤め先では、働き方改革関連法施行前（おおよそ3年前）と比べて、あなたの勤労意欲や処遇はどのように変化しましたか。それぞれの項目について、あてはまるものを選んでください。（回答は横の行ごとに該当するものにチェックを入れてください）  基本給（時給）</t>
  </si>
  <si>
    <t>ＱＴ２３＿２　働き方改革関連法施行前比較した処遇の変化  手当（通勤手当・家族手当等）</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手当（通勤手当・家族手当等）</t>
  </si>
  <si>
    <t>ＱＴ２３＿２　働き方改革関連法施行前比較した処遇の変化  賞与・ボーナス</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賞与・ボーナス</t>
  </si>
  <si>
    <t>ＱＴ２３＿２　働き方改革関連法施行前比較した処遇の変化  福利厚生（住宅手当・社員寮等）</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福利厚生（住宅手当・社員寮等）</t>
  </si>
  <si>
    <t>ＱＴ２３＿２　働き方改革関連法施行前比較した処遇の変化  慶弔制度(慶弔金・慶弔休暇等）</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慶弔制度(慶弔金・慶弔休暇等）</t>
  </si>
  <si>
    <t>ＱＴ２３＿２　働き方改革関連法施行前比較した処遇の変化  教育訓練の機会</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教育訓練の機会</t>
  </si>
  <si>
    <t>ＱＴ２４　新型コロナウイルス感染症の雇用や収入の影響</t>
  </si>
  <si>
    <t>【表頭】新型コロナウイルス感染症に関連して、あなた自身について、雇用や収入に関わる影響はどの程度ありましたか。（回答は1つ）●新型コロナ感染症による影響についておうかがいします。</t>
  </si>
  <si>
    <t>＊ＱＴ２４　新型コロナウイルス感染症の雇用や収入の影響（大分類）</t>
  </si>
  <si>
    <t>ＱＴ２５　新型コロナウイルス感染症の雇用や収入の具体的な影響＜Ｍ．Ａ＞［ベース：影響あり］</t>
  </si>
  <si>
    <t>【表頭】新型コロナウイルス感染症に関連して、あなた自身への具体的な影響について、当てはまるものをすべて選んでください。（回答はいくつでも）Q50で、「大いに影響があった」「ある程度影響があった」とお答えの方におたずねします。</t>
  </si>
  <si>
    <t>ＱＴ２６　長期化する新型コロナウイルス感染症対応のために新たに取り組んだこと・取り組もうと考えていること＜Ｍ．Ａ＞</t>
  </si>
  <si>
    <t>【表頭】新型コロナウイルス感染症による影響の長期化に対応するために、あなたが新たに取り組んだこと、これから取り組もうと考えていることは何ですか。（回答はいくつでも）Q50で、「大いに影響があった」「ある程度影響があった」とお答えの方におたずねします。</t>
  </si>
  <si>
    <t>ＱＴ２７　もともと（通常月）の月収と比較した、直近の月収</t>
  </si>
  <si>
    <t>【表頭】新型コロナウイルス感染症の問題が発生する前の、もともと（通常月）の月収と比較して、あなたの直近の月収はどうなりましたか。（回答は1つ）</t>
  </si>
  <si>
    <t>＊ＱＴ２７　もともと（通常月）の月収と比較した、直近の月収（大分類）</t>
  </si>
  <si>
    <t>ＱＴ２８　ワクチン接種状況</t>
  </si>
  <si>
    <t>【表頭】ワクチン接種について、あなたの接種状況と考えを以下から選択してください。（回答は1つ）●新型コロナのワクチン接種に関する認識についておうかがいします。</t>
  </si>
  <si>
    <t>ＱＴ２９　接種したくない理由＜２Ｌ．Ａ＞［ベース：様子見で判断か接種したくない人］</t>
  </si>
  <si>
    <t>【表頭】ワクチン接種について、「様子を見て判断したい」、「接種したくない」と回答した理由について、次の中から当てはまるものを2つまで選んでください。（回答は2つまで）Q54で、「様子を見て判断したい」、「接種したくない」と回答した方におうかがいします。</t>
  </si>
  <si>
    <t>Ｆ７　最終学歴</t>
  </si>
  <si>
    <t>【表頭】あなたの最終学歴をお答えください。（回答は1つ）●あなたご自身についておうかがいします。</t>
  </si>
  <si>
    <t>＊Ｆ７　最終学歴（大分類）</t>
  </si>
  <si>
    <t>Ｆ６　結婚の状況</t>
  </si>
  <si>
    <t>【表頭】あなたはご結婚（事実婚含む）されていますか。（回答は1つ）</t>
  </si>
  <si>
    <t>Ｆ１６　生計を同一にしている家族＜Ｍ．Ａ＞</t>
  </si>
  <si>
    <t>【表頭】あなたが生計を同一にしている家族をすべてお答えください。（回答はいくつでも）</t>
  </si>
  <si>
    <t>Ｆ１７　末子年齢［ベース：子ども有］</t>
  </si>
  <si>
    <t>Ｆ１８　要介護家族の有無</t>
  </si>
  <si>
    <t>【表頭】現在、日常生活に介護を必要とする家族（配偶者の親を含みます）がいますか。（回答は1つ）</t>
  </si>
  <si>
    <t>Ｆ１５　世帯の生計支持者</t>
  </si>
  <si>
    <t>【表頭】現在、主としてあなたの世帯の生計を支えているのはどなたですか。（回答は1つ）</t>
  </si>
  <si>
    <t>＊Ｆ１５　世帯の生計支持者（大分類）</t>
  </si>
  <si>
    <t>Ｆ１０　本人以外の賃金収入の有無</t>
  </si>
  <si>
    <t>【表頭】あなたの世帯では現在、あなた以外に賃金収入を得ている方はいますか。（回答は1つ）</t>
  </si>
  <si>
    <t>Ｆ１１　賃金収入を得ている家族＜Ｍ．Ａ＞［ベース：賃金収入者あり］</t>
  </si>
  <si>
    <t>【表頭】現在、あなた以外で賃金収入を得ている方はどなたですか。（回答はいくつでも）Q62で「いる」とお答えの方におたずねします。</t>
  </si>
  <si>
    <t>Ｆ１２　配偶者の就業形態［ベース：配偶者労働者］</t>
  </si>
  <si>
    <t>【表頭】あなたの配偶者（事実婚の相手を含む）の現在の就業形態についてお答えください。（回答は1つ）※勤め先での一時休業や産前・産後の休暇、育児休業、介護休業などで仕事を一時的に休んでいる場合は、休業・休暇の前の就業形態をお答えください。Q63で「あなたの配偶者」とお答えの方におたずねします。</t>
  </si>
  <si>
    <t>＊Ｆ１２　配偶者の就業形態（大分類）［ベース：配偶者労働者］</t>
  </si>
  <si>
    <t>＊Ｆ１２　配偶者の就業形態（中分類）［ベース：配偶者労働者］</t>
  </si>
  <si>
    <t>Ｆ２０　勤め先の従業員規模</t>
  </si>
  <si>
    <t>【表頭】あなたの勤め先の企業全体の従業員規模をお答えください。（回答は1つ）※派遣労働者の方は、派遣先の会社についてお答えください。その他の方は、雇われて働いている会社についてお答えください。</t>
  </si>
  <si>
    <t>＊Ｆ２０　勤め先の従業員規模（大分類）</t>
  </si>
  <si>
    <t>＊Ｆ２０　勤め先の従業員規模（中分類）</t>
  </si>
  <si>
    <t>Ｆ２１　職種</t>
  </si>
  <si>
    <t>【表頭】あなたの勤め先で、あなたが現在従事している主な職種をお答えください。（回答は1つ）※派遣労働者の方は、派遣先の会社での職種についてお答えください。その他の方は、雇われて働いている会社での職種についてお答えください。※回答にあたっては、下の《職種分類の例》を参考にお答えください。※勤め先での一時休業や産前・産後の休暇、育児休業、介護休業などで仕事を一時的に休んでいる方は、休業・休暇の前の職種をお答えください。</t>
  </si>
  <si>
    <t>＊Ｆ２１　職種（大分類）</t>
  </si>
  <si>
    <t>Ｆ２２　現在の勤め先での勤続年数</t>
  </si>
  <si>
    <t>Ｆ８　一週間あたりの平均実労働時間</t>
  </si>
  <si>
    <t>【表頭】あなたが仕事をしている時間（実際に働いている時間）についてお聞きします。先月の1週間あたりのおおよその実労働時間（含む残業）をお答えください。（回答は1つ）</t>
  </si>
  <si>
    <t>＊Ｆ８　一週間あたりの平均実労働時間（中分類）</t>
  </si>
  <si>
    <t>＊Ｆ８　一週間あたりの平均実労働時間（大分類１）</t>
  </si>
  <si>
    <t>＊Ｆ８　一週間あたりの平均実労働時間（大分類２）</t>
  </si>
  <si>
    <t>Ｆ９　過去１年間の賃金年収（税込）  過去１年間のご自身の賃金年収（税込）</t>
  </si>
  <si>
    <t>【表頭】あなたご自身の過去1年間のおおよその賃金年収（税込）と、あなたの世帯全体（配偶者等の収入を含む）の過去1年間の年収（税込）をお答えください。（回答は横の行ごとに1つずつ）※世帯全体の年収については、退職金や土地の売却代金など一時的な収入は除き、年金は含めてください。  過去1年間のご自身の賃金年収（税込）</t>
  </si>
  <si>
    <t>Ｆ９　過去１年間の賃金年収（税込）  過去１年間の世帯全体の年収（税込）</t>
  </si>
  <si>
    <t>【表頭】あなたご自身の過去1年間のおおよその賃金年収（税込）と、あなたの世帯全体（配偶者等の収入を含む）の過去1年間の年収（税込）をお答えください。（回答は横の行ごとに1つずつ）※世帯全体の年収については、退職金や土地の売却代金など一時的な収入は除き、年金は含めてください。  過去1年間の世帯全体の年収（税込）</t>
  </si>
  <si>
    <t>＊Ｆ９　過去１年間の賃金年収（税込）（大分類）</t>
  </si>
  <si>
    <t>＊Ｆ９　過去１年間の世帯年収（税込）（大分類）</t>
  </si>
  <si>
    <t>Ｆ１３　世帯の貯蓄額</t>
  </si>
  <si>
    <t>【表頭】現在、あなたの世帯における蓄え（預金や有価証券などの合計）はおおよそどれくらいですか。（回答は1つ）</t>
  </si>
  <si>
    <t>Ｆ１４　ローンの状況＜Ｍ．Ａ＞</t>
  </si>
  <si>
    <t>【表頭】現在、あなたやあなたの世帯には、以下のローンがありますか。（回答はいくつでも）</t>
  </si>
  <si>
    <t>＊Ｆ１４　ローンの状況（大分類）</t>
  </si>
  <si>
    <t>Ｆ１９　内閣の支持状況</t>
  </si>
  <si>
    <t>【表頭】あなたは現在の内閣を支持しますか。（回答は1つ）</t>
  </si>
  <si>
    <t xml:space="preserve">  </t>
  </si>
  <si>
    <t>（前表からのつづき） ＱＴ１８　１週間あたりの在宅勤務・テレワークの日数  新型コロナウイルス問題が発生する前</t>
    <phoneticPr fontId="2"/>
  </si>
  <si>
    <t>（前表からのつづき） ＱＴ１８　１週間あたりの在宅勤務・テレワークの日数  2021年9月</t>
    <phoneticPr fontId="2"/>
  </si>
  <si>
    <t>（前表からのつづき） ＊ＱＴ１８　１週間あたりの在宅勤務・テレワークの日数（大分類）  新型コロナウイルス問題が発生する前</t>
    <phoneticPr fontId="2"/>
  </si>
  <si>
    <t>（前表からのつづき） ＊ＱＴ１８　１週間あたりの在宅勤務・テレワークの日数（大分類）  2021年9月</t>
    <phoneticPr fontId="2"/>
  </si>
  <si>
    <t>（前表からのつづき） ＱＴ１９　職場での労働時間管理方法＜Ｍ．Ａ＞［ベース：在宅勤務・テレワーク実施者］  出勤した際の時間管理方法</t>
    <phoneticPr fontId="2"/>
  </si>
  <si>
    <t>（前表からのつづき） ＱＴ１９　職場での労働時間管理方法＜Ｍ．Ａ＞［ベース：在宅勤務・テレワーク実施者］  在宅勤務・テレワークをした際の時間管理方法</t>
    <phoneticPr fontId="2"/>
  </si>
  <si>
    <t>（前表からのつづき） ＊ＱＴ１９　職場での労働時間管理方法［ベース：労働時間管理方法１つ］  出勤した際の時間管理方法</t>
    <phoneticPr fontId="2"/>
  </si>
  <si>
    <t>（前表からのつづき） ＊ＱＴ１９　職場での労働時間管理方法［ベース：労働時間管理方法１つ］  在宅勤務・テレワークをした際の時間管理方法</t>
    <phoneticPr fontId="2"/>
  </si>
  <si>
    <t>（前表からのつづき） ＱＴ２０　職場での長時間労働是正のための取り組み＜Ｍ．Ａ＞</t>
    <phoneticPr fontId="2"/>
  </si>
  <si>
    <t>（前表からのつづき） ＊ＱＴ２０　職場での長時間労働是正のための取り組み［ベース：長時間労働是正のための取り組み１つ］</t>
    <phoneticPr fontId="2"/>
  </si>
  <si>
    <t>（前表からのつづき） ＱＴ２１　長時間労働是正の取り組みの成果  業務の生産性・効率性</t>
    <phoneticPr fontId="2"/>
  </si>
  <si>
    <t>（前表からのつづき） ＱＴ２１　長時間労働是正の取り組みの成果  あなたの仕事の満足度</t>
    <phoneticPr fontId="2"/>
  </si>
  <si>
    <t>（前表からのつづき） ＱＴ２１　長時間労働是正の取り組みの成果  あなたの生活の満足度</t>
    <phoneticPr fontId="2"/>
  </si>
  <si>
    <t>（前表からのつづき） ＱＴ２１　長時間労働是正の取り組みの成果  仕事と生活の調和（ワークライフバランス）</t>
    <phoneticPr fontId="2"/>
  </si>
  <si>
    <t>（前表からのつづき） ＊ＱＴ２１　長時間労働是正の取り組みの成果  業務の生産性・効率性</t>
    <phoneticPr fontId="2"/>
  </si>
  <si>
    <t>（前表からのつづき） ＊ＱＴ２１　長時間労働是正の取り組みの成果  あなたの仕事の満足度</t>
    <phoneticPr fontId="2"/>
  </si>
  <si>
    <t>（前表からのつづき） ＊ＱＴ２１　長時間労働是正の取り組みの成果  あなたの生活の満足度</t>
    <phoneticPr fontId="2"/>
  </si>
  <si>
    <t>（前表からのつづき） ＊ＱＴ２１　長時間労働是正の取り組みの成果  仕事と生活の調和(ワークライフバランス)</t>
    <phoneticPr fontId="2"/>
  </si>
  <si>
    <t>（前表からのつづき） ＱＴ２２　同一労働同一賃金の取り組みについての会社からの説明</t>
    <phoneticPr fontId="2"/>
  </si>
  <si>
    <t>（前表からのつづき） ＱＴ２３＿１　働き方改革関連法施行前比較した勤労意欲や処遇の変化  勤労意欲</t>
    <phoneticPr fontId="2"/>
  </si>
  <si>
    <t>（前表からのつづき） ＱＴ２３＿１　働き方改革関連法施行前比較した勤労意欲や処遇の変化  基本給（時給）</t>
    <phoneticPr fontId="2"/>
  </si>
  <si>
    <t>（前表からのつづき） ＱＴ２３＿２　働き方改革関連法施行前比較した処遇の変化  手当（通勤手当・家族手当等）</t>
    <phoneticPr fontId="2"/>
  </si>
  <si>
    <t>（前表からのつづき） ＱＴ２３＿２　働き方改革関連法施行前比較した処遇の変化  賞与・ボーナス</t>
    <phoneticPr fontId="2"/>
  </si>
  <si>
    <t>（前表からのつづき） ＱＴ２３＿２　働き方改革関連法施行前比較した処遇の変化  福利厚生（住宅手当・社員寮等）</t>
    <phoneticPr fontId="2"/>
  </si>
  <si>
    <t>（前表からのつづき） ＱＴ２３＿２　働き方改革関連法施行前比較した処遇の変化  慶弔制度(慶弔金・慶弔休暇等）</t>
    <phoneticPr fontId="2"/>
  </si>
  <si>
    <t>（前表からのつづき） ＱＴ２３＿２　働き方改革関連法施行前比較した処遇の変化  教育訓練の機会</t>
    <phoneticPr fontId="2"/>
  </si>
  <si>
    <t>（前表からのつづき） ＱＴ２４　新型コロナウイルス感染症の雇用や収入の影響</t>
    <phoneticPr fontId="2"/>
  </si>
  <si>
    <t>（前表からのつづき） ＊ＱＴ２４　新型コロナウイルス感染症の雇用や収入の影響（大分類）</t>
    <phoneticPr fontId="2"/>
  </si>
  <si>
    <t>（前表からのつづき） ＱＴ２５　新型コロナウイルス感染症の雇用や収入の具体的な影響＜Ｍ．Ａ＞［ベース：影響あり］</t>
    <phoneticPr fontId="2"/>
  </si>
  <si>
    <t>（前表からのつづき） ＱＴ２６　長期化する新型コロナウイルス感染症対応のために新たに取り組んだこと・取り組もうと考えていること＜Ｍ．Ａ＞</t>
    <phoneticPr fontId="2"/>
  </si>
  <si>
    <t>（前表からのつづき） ＱＴ２７　もともと（通常月）の月収と比較した、直近の月収</t>
    <phoneticPr fontId="2"/>
  </si>
  <si>
    <t>（前表からのつづき） ＊ＱＴ２７　もともと（通常月）の月収と比較した、直近の月収（大分類）</t>
    <phoneticPr fontId="2"/>
  </si>
  <si>
    <t>（前表からのつづき） ＱＴ２８　ワクチン接種状況</t>
    <phoneticPr fontId="2"/>
  </si>
  <si>
    <t>（前表からのつづき） ＱＴ２９　接種したくない理由＜２Ｌ．Ａ＞［ベース：様子見で判断か接種したくない人］</t>
    <phoneticPr fontId="2"/>
  </si>
  <si>
    <t>（前表からのつづき） Ｆ７　最終学歴</t>
    <phoneticPr fontId="2"/>
  </si>
  <si>
    <t>（前表からのつづき） ＊Ｆ７　最終学歴（大分類）</t>
    <phoneticPr fontId="2"/>
  </si>
  <si>
    <t>（前表からのつづき） Ｆ６　結婚の状況</t>
    <phoneticPr fontId="2"/>
  </si>
  <si>
    <t>（前表からのつづき） Ｆ１６　生計を同一にしている家族＜Ｍ．Ａ＞</t>
    <phoneticPr fontId="2"/>
  </si>
  <si>
    <t>（前表からのつづき） Ｆ１７　末子年齢［ベース：子ども有］</t>
    <phoneticPr fontId="2"/>
  </si>
  <si>
    <t>（前表からのつづき） Ｆ１８　要介護家族の有無</t>
    <phoneticPr fontId="2"/>
  </si>
  <si>
    <t>（前表からのつづき） Ｆ１５　世帯の生計支持者</t>
    <phoneticPr fontId="2"/>
  </si>
  <si>
    <t>（前表からのつづき） ＊Ｆ１５　世帯の生計支持者（大分類）</t>
    <phoneticPr fontId="2"/>
  </si>
  <si>
    <t>（前表からのつづき） Ｆ１０　本人以外の賃金収入の有無</t>
    <phoneticPr fontId="2"/>
  </si>
  <si>
    <t>（前表からのつづき） Ｆ１１　賃金収入を得ている家族＜Ｍ．Ａ＞［ベース：賃金収入者あり］</t>
    <phoneticPr fontId="2"/>
  </si>
  <si>
    <t>（前表からのつづき） Ｆ１２　配偶者の就業形態［ベース：配偶者労働者］</t>
    <phoneticPr fontId="2"/>
  </si>
  <si>
    <t>（前表からのつづき） ＊Ｆ１２　配偶者の就業形態（大分類）［ベース：配偶者労働者］</t>
    <phoneticPr fontId="2"/>
  </si>
  <si>
    <t>（前表からのつづき） ＊Ｆ１２　配偶者の就業形態（中分類）［ベース：配偶者労働者］</t>
    <phoneticPr fontId="2"/>
  </si>
  <si>
    <t>（前表からのつづき） Ｆ２０　勤め先の従業員規模</t>
    <phoneticPr fontId="2"/>
  </si>
  <si>
    <t>（前表からのつづき） ＊Ｆ２０　勤め先の従業員規模（大分類）</t>
    <phoneticPr fontId="2"/>
  </si>
  <si>
    <t>（前表からのつづき） ＊Ｆ２０　勤め先の従業員規模（中分類）</t>
    <phoneticPr fontId="2"/>
  </si>
  <si>
    <t>（前表からのつづき） Ｆ２１　職種</t>
    <phoneticPr fontId="2"/>
  </si>
  <si>
    <t>（前表からのつづき） ＊Ｆ２１　職種（大分類）</t>
    <phoneticPr fontId="2"/>
  </si>
  <si>
    <t>（前表からのつづき） Ｆ２２　現在の勤め先での勤続年数</t>
    <phoneticPr fontId="2"/>
  </si>
  <si>
    <t>（前表からのつづき） Ｆ８　一週間あたりの平均実労働時間</t>
    <phoneticPr fontId="2"/>
  </si>
  <si>
    <t>（前表からのつづき） ＊Ｆ８　一週間あたりの平均実労働時間（中分類）</t>
    <phoneticPr fontId="2"/>
  </si>
  <si>
    <t>（前表からのつづき） ＊Ｆ８　一週間あたりの平均実労働時間（大分類１）</t>
    <phoneticPr fontId="2"/>
  </si>
  <si>
    <t>（前表からのつづき） ＊Ｆ８　一週間あたりの平均実労働時間（大分類２）</t>
    <phoneticPr fontId="2"/>
  </si>
  <si>
    <t>（前表からのつづき） Ｆ９　過去１年間の賃金年収（税込）  過去１年間のご自身の賃金年収（税込）</t>
    <phoneticPr fontId="2"/>
  </si>
  <si>
    <t>（前表からのつづき） Ｆ９　過去１年間の賃金年収（税込）  過去１年間の世帯全体の年収（税込）</t>
    <phoneticPr fontId="2"/>
  </si>
  <si>
    <t>（前表からのつづき） ＊Ｆ９　過去１年間の賃金年収（税込）（大分類）</t>
    <phoneticPr fontId="2"/>
  </si>
  <si>
    <t>（前表からのつづき） ＊Ｆ９　過去１年間の世帯年収（税込）（大分類）</t>
    <phoneticPr fontId="2"/>
  </si>
  <si>
    <t>（前表からのつづき） Ｆ１３　世帯の貯蓄額</t>
    <phoneticPr fontId="2"/>
  </si>
  <si>
    <t>（前表からのつづき） Ｆ１４　ローンの状況＜Ｍ．Ａ＞</t>
    <phoneticPr fontId="2"/>
  </si>
  <si>
    <t>（前表からのつづき） ＊Ｆ１４　ローンの状況（大分類）</t>
    <phoneticPr fontId="2"/>
  </si>
  <si>
    <t>（前表からのつづき） Ｆ１９　内閣の支持状況</t>
    <phoneticPr fontId="2"/>
  </si>
  <si>
    <t>n=</t>
    <phoneticPr fontId="2"/>
  </si>
  <si>
    <t xml:space="preserve">
１日</t>
    <phoneticPr fontId="2"/>
  </si>
  <si>
    <t xml:space="preserve">
２日</t>
    <phoneticPr fontId="2"/>
  </si>
  <si>
    <t xml:space="preserve">
３日</t>
    <phoneticPr fontId="2"/>
  </si>
  <si>
    <t xml:space="preserve">
４日</t>
    <phoneticPr fontId="2"/>
  </si>
  <si>
    <t xml:space="preserve">
５日</t>
    <phoneticPr fontId="2"/>
  </si>
  <si>
    <t xml:space="preserve">
６日</t>
    <phoneticPr fontId="2"/>
  </si>
  <si>
    <t xml:space="preserve">
７日</t>
    <phoneticPr fontId="2"/>
  </si>
  <si>
    <t xml:space="preserve">
在宅勤務・テレワークを行っていない</t>
    <phoneticPr fontId="2"/>
  </si>
  <si>
    <t xml:space="preserve"> (%)</t>
  </si>
  <si>
    <t xml:space="preserve">
１～２日</t>
    <phoneticPr fontId="2"/>
  </si>
  <si>
    <t xml:space="preserve">
５日以上</t>
    <phoneticPr fontId="2"/>
  </si>
  <si>
    <t xml:space="preserve">
タイムレコーダーによる管理</t>
    <phoneticPr fontId="2"/>
  </si>
  <si>
    <t xml:space="preserve">
ＩＣリーダー等での出退勤時刻の読み取り</t>
    <phoneticPr fontId="2"/>
  </si>
  <si>
    <t xml:space="preserve">
パソコン等の使用時間（ログインとログアウト）の記録</t>
    <phoneticPr fontId="2"/>
  </si>
  <si>
    <t xml:space="preserve">
チャットツール等での在席・離席状況の手動記録</t>
    <phoneticPr fontId="2"/>
  </si>
  <si>
    <t xml:space="preserve">
会議システムのカメラ機能等での在席・離席状況の管理</t>
    <phoneticPr fontId="2"/>
  </si>
  <si>
    <t xml:space="preserve">
上長による出退勤時刻の確認（現認）</t>
    <phoneticPr fontId="2"/>
  </si>
  <si>
    <t xml:space="preserve">
出勤簿への記名・押印</t>
    <phoneticPr fontId="2"/>
  </si>
  <si>
    <t xml:space="preserve">
ネットワーク上の出退勤管理システムでの打刻</t>
    <phoneticPr fontId="2"/>
  </si>
  <si>
    <t xml:space="preserve">
メール等による管理者への報告</t>
    <phoneticPr fontId="2"/>
  </si>
  <si>
    <t xml:space="preserve">
自己申告</t>
    <phoneticPr fontId="2"/>
  </si>
  <si>
    <t xml:space="preserve">
その他</t>
    <phoneticPr fontId="2"/>
  </si>
  <si>
    <t xml:space="preserve">
労働時間管理の対象ではない</t>
    <phoneticPr fontId="2"/>
  </si>
  <si>
    <t xml:space="preserve">
労働時間管理はしていない</t>
    <phoneticPr fontId="2"/>
  </si>
  <si>
    <t xml:space="preserve">
残業時間削減・有給休暇取得促進のための労働時間管理</t>
    <phoneticPr fontId="2"/>
  </si>
  <si>
    <t xml:space="preserve">
人員の補充・サポート体制の整備</t>
    <phoneticPr fontId="2"/>
  </si>
  <si>
    <t xml:space="preserve">
仕事の効率化のための業務内容・プロセスの改善</t>
    <phoneticPr fontId="2"/>
  </si>
  <si>
    <t xml:space="preserve">
生産性向上のためのデジタル化等職場環境の整備</t>
    <phoneticPr fontId="2"/>
  </si>
  <si>
    <t xml:space="preserve">
仕事の能率向上のための職業訓練・研修</t>
    <phoneticPr fontId="2"/>
  </si>
  <si>
    <t xml:space="preserve">
テレワーク・フレックスタイム制など柔軟な働き方の推進</t>
    <phoneticPr fontId="2"/>
  </si>
  <si>
    <t xml:space="preserve">
会社による意識改革</t>
    <phoneticPr fontId="2"/>
  </si>
  <si>
    <t xml:space="preserve">
労働組合による意識改革</t>
    <phoneticPr fontId="2"/>
  </si>
  <si>
    <t xml:space="preserve">
特段の取り組みはなかった</t>
    <phoneticPr fontId="2"/>
  </si>
  <si>
    <t xml:space="preserve">
わからない</t>
    <phoneticPr fontId="2"/>
  </si>
  <si>
    <t xml:space="preserve">
かなり改善した</t>
    <phoneticPr fontId="2"/>
  </si>
  <si>
    <t xml:space="preserve">
やや改善した</t>
    <phoneticPr fontId="2"/>
  </si>
  <si>
    <t xml:space="preserve">
変わらない</t>
    <phoneticPr fontId="2"/>
  </si>
  <si>
    <t xml:space="preserve">
やや悪化した</t>
    <phoneticPr fontId="2"/>
  </si>
  <si>
    <t xml:space="preserve">
かなり悪化した</t>
    <phoneticPr fontId="2"/>
  </si>
  <si>
    <t xml:space="preserve">
悪化した</t>
    <phoneticPr fontId="2"/>
  </si>
  <si>
    <t xml:space="preserve">
あった</t>
    <phoneticPr fontId="2"/>
  </si>
  <si>
    <t xml:space="preserve">
なかった</t>
    <phoneticPr fontId="2"/>
  </si>
  <si>
    <t xml:space="preserve">
増加した</t>
    <phoneticPr fontId="2"/>
  </si>
  <si>
    <t xml:space="preserve">
減少した</t>
    <phoneticPr fontId="2"/>
  </si>
  <si>
    <t xml:space="preserve">
新設された</t>
    <phoneticPr fontId="2"/>
  </si>
  <si>
    <t xml:space="preserve">
元からない</t>
    <phoneticPr fontId="2"/>
  </si>
  <si>
    <t xml:space="preserve">
大いに影響があった</t>
    <phoneticPr fontId="2"/>
  </si>
  <si>
    <t xml:space="preserve">
ある程度影響があった</t>
    <phoneticPr fontId="2"/>
  </si>
  <si>
    <t xml:space="preserve">
あまり影響はなかった</t>
    <phoneticPr fontId="2"/>
  </si>
  <si>
    <t xml:space="preserve">
全く影響はなかった</t>
    <phoneticPr fontId="2"/>
  </si>
  <si>
    <t xml:space="preserve">
影響があった</t>
    <phoneticPr fontId="2"/>
  </si>
  <si>
    <t xml:space="preserve">
影響はなかった</t>
    <phoneticPr fontId="2"/>
  </si>
  <si>
    <t xml:space="preserve">
会社からの解雇</t>
    <phoneticPr fontId="2"/>
  </si>
  <si>
    <t xml:space="preserve">
期間満了に伴う雇い止め</t>
    <phoneticPr fontId="2"/>
  </si>
  <si>
    <t xml:space="preserve">
勤め先の休廃業・倒産に伴う失業</t>
    <phoneticPr fontId="2"/>
  </si>
  <si>
    <t xml:space="preserve">
雇用・就業形態の変更</t>
    <phoneticPr fontId="2"/>
  </si>
  <si>
    <t xml:space="preserve">
業務内容の変更</t>
    <phoneticPr fontId="2"/>
  </si>
  <si>
    <t xml:space="preserve">
勤務日数や労働時間の減少</t>
    <phoneticPr fontId="2"/>
  </si>
  <si>
    <t xml:space="preserve">
勤務日数や労働時間の増加</t>
    <phoneticPr fontId="2"/>
  </si>
  <si>
    <t xml:space="preserve">
収入の減少</t>
    <phoneticPr fontId="2"/>
  </si>
  <si>
    <t xml:space="preserve">
収入の増加</t>
    <phoneticPr fontId="2"/>
  </si>
  <si>
    <t xml:space="preserve">
自発的な退職</t>
    <phoneticPr fontId="2"/>
  </si>
  <si>
    <t xml:space="preserve">
他社への出向・派遣</t>
    <phoneticPr fontId="2"/>
  </si>
  <si>
    <t xml:space="preserve">
（上記に）当てはまるものはない</t>
    <phoneticPr fontId="2"/>
  </si>
  <si>
    <t xml:space="preserve">
答えたくない</t>
    <phoneticPr fontId="2"/>
  </si>
  <si>
    <t xml:space="preserve">
職業能力開発や自己啓発</t>
    <phoneticPr fontId="2"/>
  </si>
  <si>
    <t xml:space="preserve">
情報収集を含む転職活動</t>
    <phoneticPr fontId="2"/>
  </si>
  <si>
    <t xml:space="preserve">
兼業・副業</t>
    <phoneticPr fontId="2"/>
  </si>
  <si>
    <t xml:space="preserve">
資産運用</t>
    <phoneticPr fontId="2"/>
  </si>
  <si>
    <t xml:space="preserve">
消費の抑制・貯蓄の増加</t>
    <phoneticPr fontId="2"/>
  </si>
  <si>
    <t xml:space="preserve">
テレワークのための住環境の整備</t>
    <phoneticPr fontId="2"/>
  </si>
  <si>
    <t xml:space="preserve">
都市部から地方への移住</t>
    <phoneticPr fontId="2"/>
  </si>
  <si>
    <t xml:space="preserve">
１～２割減少した</t>
    <phoneticPr fontId="2"/>
  </si>
  <si>
    <t xml:space="preserve">
３～４割減少した</t>
    <phoneticPr fontId="2"/>
  </si>
  <si>
    <t xml:space="preserve">
５～６割減少した</t>
    <phoneticPr fontId="2"/>
  </si>
  <si>
    <t xml:space="preserve">
７～８割減少した</t>
    <phoneticPr fontId="2"/>
  </si>
  <si>
    <t xml:space="preserve">
９割以上減少した</t>
    <phoneticPr fontId="2"/>
  </si>
  <si>
    <t xml:space="preserve">
１～２割増加した</t>
    <phoneticPr fontId="2"/>
  </si>
  <si>
    <t xml:space="preserve">
３～４割増加した</t>
    <phoneticPr fontId="2"/>
  </si>
  <si>
    <t xml:space="preserve">
５割以上増加した</t>
    <phoneticPr fontId="2"/>
  </si>
  <si>
    <t xml:space="preserve">
ほぼ同じ（変動は１割未満）</t>
    <phoneticPr fontId="2"/>
  </si>
  <si>
    <t xml:space="preserve">
ほぼ同じ</t>
    <phoneticPr fontId="2"/>
  </si>
  <si>
    <t xml:space="preserve">
ワクチンを2回接種した</t>
    <phoneticPr fontId="2"/>
  </si>
  <si>
    <t xml:space="preserve">
ワクチンを1回接種した</t>
    <phoneticPr fontId="2"/>
  </si>
  <si>
    <t xml:space="preserve">
1回目の予約をしたが、まだ接種できていない</t>
    <phoneticPr fontId="2"/>
  </si>
  <si>
    <t xml:space="preserve">
1回目のワクチン接種の予約ができない</t>
    <phoneticPr fontId="2"/>
  </si>
  <si>
    <t xml:space="preserve">
未接種だが、様子を見て判断したい</t>
    <phoneticPr fontId="2"/>
  </si>
  <si>
    <t xml:space="preserve">
未接種だが、接種したくない</t>
    <phoneticPr fontId="2"/>
  </si>
  <si>
    <t xml:space="preserve">
接種会場の感染対策が不安</t>
    <phoneticPr fontId="2"/>
  </si>
  <si>
    <t xml:space="preserve">
接種会場まで出かけることが不安</t>
    <phoneticPr fontId="2"/>
  </si>
  <si>
    <t xml:space="preserve">
接種会場が遠い</t>
    <phoneticPr fontId="2"/>
  </si>
  <si>
    <t xml:space="preserve">
基礎疾患や持病があり副反応が不安</t>
    <phoneticPr fontId="2"/>
  </si>
  <si>
    <t xml:space="preserve">
授乳中、妊娠中（予定含む）で副反応が不安</t>
    <phoneticPr fontId="2"/>
  </si>
  <si>
    <t xml:space="preserve">
特に持病などはないが、副反応が不安</t>
    <phoneticPr fontId="2"/>
  </si>
  <si>
    <t xml:space="preserve">
効果など情報が不足している</t>
    <phoneticPr fontId="2"/>
  </si>
  <si>
    <t xml:space="preserve">
感染経験があり、抗体があるから大丈夫</t>
    <phoneticPr fontId="2"/>
  </si>
  <si>
    <t xml:space="preserve">
ワクチンを接種しなくても自分は大丈夫</t>
    <phoneticPr fontId="2"/>
  </si>
  <si>
    <t xml:space="preserve">
中学校卒</t>
    <phoneticPr fontId="2"/>
  </si>
  <si>
    <t xml:space="preserve">
高校卒</t>
    <phoneticPr fontId="2"/>
  </si>
  <si>
    <t xml:space="preserve">
専修・各種学校卒</t>
    <phoneticPr fontId="2"/>
  </si>
  <si>
    <t xml:space="preserve">
短大・高専卒</t>
    <phoneticPr fontId="2"/>
  </si>
  <si>
    <t xml:space="preserve">
四年制大学卒</t>
    <phoneticPr fontId="2"/>
  </si>
  <si>
    <t xml:space="preserve">
大学院修了</t>
    <phoneticPr fontId="2"/>
  </si>
  <si>
    <t xml:space="preserve">
中学・高校卒</t>
    <phoneticPr fontId="2"/>
  </si>
  <si>
    <t xml:space="preserve">
専修学校・短大卒</t>
    <phoneticPr fontId="2"/>
  </si>
  <si>
    <t xml:space="preserve">
大学・大学院卒</t>
    <phoneticPr fontId="2"/>
  </si>
  <si>
    <t xml:space="preserve">
既婚（配偶者あり）</t>
    <phoneticPr fontId="2"/>
  </si>
  <si>
    <t xml:space="preserve">
既婚（離別・死別）</t>
    <phoneticPr fontId="2"/>
  </si>
  <si>
    <t xml:space="preserve">
未婚</t>
    <phoneticPr fontId="2"/>
  </si>
  <si>
    <t xml:space="preserve">
配偶者</t>
    <phoneticPr fontId="2"/>
  </si>
  <si>
    <t xml:space="preserve">
子ども</t>
    <phoneticPr fontId="2"/>
  </si>
  <si>
    <t xml:space="preserve">
親</t>
    <phoneticPr fontId="2"/>
  </si>
  <si>
    <t xml:space="preserve">
孫</t>
    <phoneticPr fontId="2"/>
  </si>
  <si>
    <t xml:space="preserve">
祖父母</t>
    <phoneticPr fontId="2"/>
  </si>
  <si>
    <t xml:space="preserve">
兄弟姉妹</t>
    <phoneticPr fontId="2"/>
  </si>
  <si>
    <t xml:space="preserve">
あなた以外にいない</t>
    <phoneticPr fontId="2"/>
  </si>
  <si>
    <t xml:space="preserve">
６歳未満</t>
    <phoneticPr fontId="2"/>
  </si>
  <si>
    <t xml:space="preserve">
６歳以上２０歳未満</t>
    <phoneticPr fontId="2"/>
  </si>
  <si>
    <t xml:space="preserve">
２０歳以上</t>
    <phoneticPr fontId="2"/>
  </si>
  <si>
    <t xml:space="preserve">
平均値</t>
    <phoneticPr fontId="2"/>
  </si>
  <si>
    <t xml:space="preserve">
中央値</t>
    <phoneticPr fontId="2"/>
  </si>
  <si>
    <t xml:space="preserve">
いる</t>
    <phoneticPr fontId="2"/>
  </si>
  <si>
    <t xml:space="preserve">
いない</t>
    <phoneticPr fontId="2"/>
  </si>
  <si>
    <t xml:space="preserve">
あなたご自身</t>
    <phoneticPr fontId="2"/>
  </si>
  <si>
    <t xml:space="preserve">
あなたの配偶者（妻・夫）</t>
    <phoneticPr fontId="2"/>
  </si>
  <si>
    <t xml:space="preserve">
あなたの親</t>
    <phoneticPr fontId="2"/>
  </si>
  <si>
    <t xml:space="preserve">
あなたの子ども</t>
    <phoneticPr fontId="2"/>
  </si>
  <si>
    <t xml:space="preserve">
主生計支持者</t>
    <phoneticPr fontId="2"/>
  </si>
  <si>
    <t xml:space="preserve">
生計補助者</t>
    <phoneticPr fontId="2"/>
  </si>
  <si>
    <t xml:space="preserve">
あなたの配偶者</t>
    <phoneticPr fontId="2"/>
  </si>
  <si>
    <t xml:space="preserve">
正社員（役員を除く）</t>
    <phoneticPr fontId="2"/>
  </si>
  <si>
    <t xml:space="preserve">
パートタイマー</t>
    <phoneticPr fontId="2"/>
  </si>
  <si>
    <t xml:space="preserve">
アルバイト</t>
    <phoneticPr fontId="2"/>
  </si>
  <si>
    <t xml:space="preserve">
契約社員</t>
    <phoneticPr fontId="2"/>
  </si>
  <si>
    <t xml:space="preserve">
派遣労働者</t>
    <phoneticPr fontId="2"/>
  </si>
  <si>
    <t xml:space="preserve">
嘱託</t>
    <phoneticPr fontId="2"/>
  </si>
  <si>
    <t xml:space="preserve">
会社役員</t>
    <phoneticPr fontId="2"/>
  </si>
  <si>
    <t xml:space="preserve">
自営業・内職</t>
    <phoneticPr fontId="2"/>
  </si>
  <si>
    <t xml:space="preserve">
家業の手伝い</t>
    <phoneticPr fontId="2"/>
  </si>
  <si>
    <t xml:space="preserve">
正社員計</t>
    <phoneticPr fontId="2"/>
  </si>
  <si>
    <t xml:space="preserve">
非正社員計</t>
    <phoneticPr fontId="2"/>
  </si>
  <si>
    <t xml:space="preserve">
その他・わからない</t>
    <phoneticPr fontId="2"/>
  </si>
  <si>
    <t xml:space="preserve">
パート・アルバイト</t>
    <phoneticPr fontId="2"/>
  </si>
  <si>
    <t xml:space="preserve">
契約社員・嘱託社員</t>
    <phoneticPr fontId="2"/>
  </si>
  <si>
    <t xml:space="preserve">
９人以下</t>
    <phoneticPr fontId="2"/>
  </si>
  <si>
    <t xml:space="preserve">
１０～２９人</t>
    <phoneticPr fontId="2"/>
  </si>
  <si>
    <t xml:space="preserve">
３０～９９人</t>
    <phoneticPr fontId="2"/>
  </si>
  <si>
    <t xml:space="preserve">
１００～２９９人</t>
    <phoneticPr fontId="2"/>
  </si>
  <si>
    <t xml:space="preserve">
３００～４９９人</t>
    <phoneticPr fontId="2"/>
  </si>
  <si>
    <t xml:space="preserve">
５００～９９９人</t>
    <phoneticPr fontId="2"/>
  </si>
  <si>
    <t xml:space="preserve">
１，０００～２，９９９人</t>
    <phoneticPr fontId="2"/>
  </si>
  <si>
    <t xml:space="preserve">
３，０００人以上</t>
    <phoneticPr fontId="2"/>
  </si>
  <si>
    <t xml:space="preserve">
９９人以下</t>
    <phoneticPr fontId="2"/>
  </si>
  <si>
    <t xml:space="preserve">
１００～９９９人</t>
    <phoneticPr fontId="2"/>
  </si>
  <si>
    <t xml:space="preserve">
１，０００人以上</t>
    <phoneticPr fontId="2"/>
  </si>
  <si>
    <t xml:space="preserve">
２９人以下</t>
    <phoneticPr fontId="2"/>
  </si>
  <si>
    <t xml:space="preserve">
管理職（課長クラス以上）</t>
    <phoneticPr fontId="2"/>
  </si>
  <si>
    <t xml:space="preserve">
専門・技術職</t>
    <phoneticPr fontId="2"/>
  </si>
  <si>
    <t xml:space="preserve">
事務職</t>
    <phoneticPr fontId="2"/>
  </si>
  <si>
    <t xml:space="preserve">
営業・販売職</t>
    <phoneticPr fontId="2"/>
  </si>
  <si>
    <t xml:space="preserve">
サービス職</t>
    <phoneticPr fontId="2"/>
  </si>
  <si>
    <t xml:space="preserve">
保安・警備職</t>
    <phoneticPr fontId="2"/>
  </si>
  <si>
    <t xml:space="preserve">
生産技能</t>
    <phoneticPr fontId="2"/>
  </si>
  <si>
    <t xml:space="preserve">
輸送・機械運転</t>
    <phoneticPr fontId="2"/>
  </si>
  <si>
    <t xml:space="preserve">
建設作業・採掘</t>
    <phoneticPr fontId="2"/>
  </si>
  <si>
    <t xml:space="preserve">
運搬・清掃・包装作業</t>
    <phoneticPr fontId="2"/>
  </si>
  <si>
    <t xml:space="preserve">
管理職</t>
    <phoneticPr fontId="2"/>
  </si>
  <si>
    <t xml:space="preserve">
技能・労務職等</t>
    <phoneticPr fontId="2"/>
  </si>
  <si>
    <t xml:space="preserve">
０年</t>
    <phoneticPr fontId="2"/>
  </si>
  <si>
    <t xml:space="preserve">
１～２年</t>
    <phoneticPr fontId="2"/>
  </si>
  <si>
    <t xml:space="preserve">
３～４年</t>
    <phoneticPr fontId="2"/>
  </si>
  <si>
    <t xml:space="preserve">
５～９年</t>
    <phoneticPr fontId="2"/>
  </si>
  <si>
    <t xml:space="preserve">
１０～１４年</t>
    <phoneticPr fontId="2"/>
  </si>
  <si>
    <t xml:space="preserve">
１５～１９年</t>
    <phoneticPr fontId="2"/>
  </si>
  <si>
    <t xml:space="preserve">
２０年以上</t>
    <phoneticPr fontId="2"/>
  </si>
  <si>
    <t xml:space="preserve">
２０時間未満</t>
    <phoneticPr fontId="2"/>
  </si>
  <si>
    <t xml:space="preserve">
２０時間以上３０時間未満</t>
    <phoneticPr fontId="2"/>
  </si>
  <si>
    <t xml:space="preserve">
３０時間以上３５時間未満</t>
    <phoneticPr fontId="2"/>
  </si>
  <si>
    <t xml:space="preserve">
３５時間以上４０時間未満</t>
    <phoneticPr fontId="2"/>
  </si>
  <si>
    <t xml:space="preserve">
４０時間以上４５時間未満</t>
    <phoneticPr fontId="2"/>
  </si>
  <si>
    <t xml:space="preserve">
４５時間以上５０時間未満</t>
    <phoneticPr fontId="2"/>
  </si>
  <si>
    <t xml:space="preserve">
５０時間以上６０時間未満</t>
    <phoneticPr fontId="2"/>
  </si>
  <si>
    <t xml:space="preserve">
６０時間以上</t>
    <phoneticPr fontId="2"/>
  </si>
  <si>
    <t xml:space="preserve">
３０時間未満</t>
    <phoneticPr fontId="2"/>
  </si>
  <si>
    <t xml:space="preserve">
３０時間以上４０時間未満</t>
    <phoneticPr fontId="2"/>
  </si>
  <si>
    <t xml:space="preserve">
４０時間以上５０時間未満</t>
    <phoneticPr fontId="2"/>
  </si>
  <si>
    <t xml:space="preserve">
４０時間未満</t>
    <phoneticPr fontId="2"/>
  </si>
  <si>
    <t xml:space="preserve">
４０時間以上</t>
    <phoneticPr fontId="2"/>
  </si>
  <si>
    <t xml:space="preserve">
３５時間未満</t>
    <phoneticPr fontId="2"/>
  </si>
  <si>
    <t xml:space="preserve">
３５時間以上</t>
    <phoneticPr fontId="2"/>
  </si>
  <si>
    <t xml:space="preserve">
ない</t>
    <phoneticPr fontId="2"/>
  </si>
  <si>
    <t xml:space="preserve">
１００万円未満</t>
    <phoneticPr fontId="2"/>
  </si>
  <si>
    <t xml:space="preserve">
１００～２００万円未満</t>
    <phoneticPr fontId="2"/>
  </si>
  <si>
    <t xml:space="preserve">
２００～３００万円未満</t>
    <phoneticPr fontId="2"/>
  </si>
  <si>
    <t xml:space="preserve">
３００～４００万円未満</t>
    <phoneticPr fontId="2"/>
  </si>
  <si>
    <t xml:space="preserve">
４００～５００万円未満</t>
    <phoneticPr fontId="2"/>
  </si>
  <si>
    <t xml:space="preserve">
５００～６００万円未満</t>
    <phoneticPr fontId="2"/>
  </si>
  <si>
    <t xml:space="preserve">
６００～７００万円未満</t>
    <phoneticPr fontId="2"/>
  </si>
  <si>
    <t xml:space="preserve">
７００～８００万円未満</t>
    <phoneticPr fontId="2"/>
  </si>
  <si>
    <t xml:space="preserve">
８００～９００万円未満</t>
    <phoneticPr fontId="2"/>
  </si>
  <si>
    <t xml:space="preserve">
９００～１，０００万円未満</t>
    <phoneticPr fontId="2"/>
  </si>
  <si>
    <t xml:space="preserve">
１，０００～１，２００万円未満</t>
    <phoneticPr fontId="2"/>
  </si>
  <si>
    <t xml:space="preserve">
１，２００～１，５００万円未満</t>
    <phoneticPr fontId="2"/>
  </si>
  <si>
    <t xml:space="preserve">
１，５００～２，０００万円未満</t>
    <phoneticPr fontId="2"/>
  </si>
  <si>
    <t xml:space="preserve">
２，０００万円以上</t>
    <phoneticPr fontId="2"/>
  </si>
  <si>
    <t xml:space="preserve">
４００～６００万円未満</t>
    <phoneticPr fontId="2"/>
  </si>
  <si>
    <t xml:space="preserve">
６００～８００万円未満</t>
    <phoneticPr fontId="2"/>
  </si>
  <si>
    <t xml:space="preserve">
８００万円以上</t>
    <phoneticPr fontId="2"/>
  </si>
  <si>
    <t xml:space="preserve">
４００万円未満</t>
    <phoneticPr fontId="2"/>
  </si>
  <si>
    <t xml:space="preserve">
８００～１，０００万円未満</t>
    <phoneticPr fontId="2"/>
  </si>
  <si>
    <t xml:space="preserve">
１，２００万円以上</t>
    <phoneticPr fontId="2"/>
  </si>
  <si>
    <t xml:space="preserve">
１００万円以上３００万円未満</t>
    <phoneticPr fontId="2"/>
  </si>
  <si>
    <t xml:space="preserve">
３００万円以上５００万円未満</t>
    <phoneticPr fontId="2"/>
  </si>
  <si>
    <t xml:space="preserve">
５００万円以上１，０００万円未満</t>
    <phoneticPr fontId="2"/>
  </si>
  <si>
    <t xml:space="preserve">
１，０００万円以上２，０００万円未満</t>
    <phoneticPr fontId="2"/>
  </si>
  <si>
    <t xml:space="preserve">
住宅ローンがある</t>
    <phoneticPr fontId="2"/>
  </si>
  <si>
    <t xml:space="preserve">
教育ローンがある</t>
    <phoneticPr fontId="2"/>
  </si>
  <si>
    <t xml:space="preserve">
自動車ローンがある</t>
    <phoneticPr fontId="2"/>
  </si>
  <si>
    <t xml:space="preserve">
消費者金融のローンがある</t>
    <phoneticPr fontId="2"/>
  </si>
  <si>
    <t xml:space="preserve">
その他のローンがある</t>
    <phoneticPr fontId="2"/>
  </si>
  <si>
    <t xml:space="preserve">
ローンはない</t>
    <phoneticPr fontId="2"/>
  </si>
  <si>
    <t xml:space="preserve">
いずれかのローンがある</t>
    <phoneticPr fontId="2"/>
  </si>
  <si>
    <t xml:space="preserve">
支持する</t>
    <phoneticPr fontId="2"/>
  </si>
  <si>
    <t xml:space="preserve">
支持しない</t>
    <phoneticPr fontId="2"/>
  </si>
  <si>
    <t>数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
    <numFmt numFmtId="177" formatCode="0.0_ "/>
  </numFmts>
  <fonts count="9" x14ac:knownFonts="1">
    <font>
      <sz val="11"/>
      <name val="ＭＳ Ｐゴシック"/>
      <family val="3"/>
      <charset val="128"/>
    </font>
    <font>
      <b/>
      <sz val="9"/>
      <name val="ＭＳ Ｐゴシック"/>
      <family val="3"/>
      <charset val="128"/>
    </font>
    <font>
      <sz val="6"/>
      <name val="ＭＳ Ｐゴシック"/>
      <family val="3"/>
      <charset val="128"/>
    </font>
    <font>
      <b/>
      <sz val="12"/>
      <name val="ＭＳ Ｐゴシック"/>
      <family val="3"/>
      <charset val="128"/>
    </font>
    <font>
      <sz val="12"/>
      <name val="ＭＳ Ｐゴシック"/>
      <family val="3"/>
      <charset val="128"/>
    </font>
    <font>
      <sz val="9"/>
      <name val="ＭＳ Ｐゴシック"/>
      <family val="3"/>
      <charset val="128"/>
    </font>
    <font>
      <u/>
      <sz val="11"/>
      <color theme="10"/>
      <name val="ＭＳ Ｐゴシック"/>
      <family val="3"/>
      <charset val="128"/>
    </font>
    <font>
      <u/>
      <sz val="9"/>
      <color theme="10"/>
      <name val="ＭＳ Ｐゴシック"/>
      <family val="3"/>
      <charset val="128"/>
    </font>
    <font>
      <sz val="9"/>
      <name val="Arial"/>
      <family val="2"/>
    </font>
  </fonts>
  <fills count="3">
    <fill>
      <patternFill patternType="none"/>
    </fill>
    <fill>
      <patternFill patternType="gray125"/>
    </fill>
    <fill>
      <patternFill patternType="solid">
        <fgColor indexed="43"/>
        <bgColor indexed="64"/>
      </patternFill>
    </fill>
  </fills>
  <borders count="35">
    <border>
      <left/>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bottom style="hair">
        <color indexed="64"/>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style="thin">
        <color indexed="64"/>
      </left>
      <right/>
      <top style="hair">
        <color indexed="64"/>
      </top>
      <bottom style="thin">
        <color indexed="64"/>
      </bottom>
      <diagonal/>
    </border>
    <border>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right style="hair">
        <color indexed="64"/>
      </right>
      <top style="hair">
        <color indexed="64"/>
      </top>
      <bottom style="hair">
        <color indexed="64"/>
      </bottom>
      <diagonal/>
    </border>
    <border>
      <left style="thin">
        <color indexed="64"/>
      </left>
      <right style="hair">
        <color indexed="64"/>
      </right>
      <top style="hair">
        <color indexed="64"/>
      </top>
      <bottom/>
      <diagonal/>
    </border>
    <border>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top style="hair">
        <color indexed="64"/>
      </top>
      <bottom style="thin">
        <color auto="1"/>
      </bottom>
      <diagonal/>
    </border>
    <border>
      <left style="hair">
        <color indexed="64"/>
      </left>
      <right style="hair">
        <color indexed="64"/>
      </right>
      <top style="hair">
        <color indexed="64"/>
      </top>
      <bottom style="thin">
        <color auto="1"/>
      </bottom>
      <diagonal/>
    </border>
    <border>
      <left/>
      <right style="thin">
        <color indexed="64"/>
      </right>
      <top style="hair">
        <color indexed="64"/>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auto="1"/>
      </top>
      <bottom style="hair">
        <color indexed="64"/>
      </bottom>
      <diagonal/>
    </border>
    <border>
      <left style="hair">
        <color indexed="64"/>
      </left>
      <right style="hair">
        <color indexed="64"/>
      </right>
      <top style="thin">
        <color auto="1"/>
      </top>
      <bottom style="hair">
        <color indexed="64"/>
      </bottom>
      <diagonal/>
    </border>
    <border>
      <left style="hair">
        <color indexed="64"/>
      </left>
      <right style="thin">
        <color indexed="64"/>
      </right>
      <top style="thin">
        <color auto="1"/>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s>
  <cellStyleXfs count="2">
    <xf numFmtId="0" fontId="0" fillId="0" borderId="0">
      <alignment vertical="center"/>
    </xf>
    <xf numFmtId="0" fontId="6" fillId="0" borderId="0" applyNumberFormat="0" applyFill="0" applyBorder="0" applyAlignment="0" applyProtection="0">
      <alignment vertical="center"/>
    </xf>
  </cellStyleXfs>
  <cellXfs count="77">
    <xf numFmtId="0" fontId="0" fillId="0" borderId="0" xfId="0">
      <alignment vertical="center"/>
    </xf>
    <xf numFmtId="0" fontId="1" fillId="0" borderId="0" xfId="0" applyFont="1" applyAlignment="1">
      <alignment vertical="center" wrapText="1"/>
    </xf>
    <xf numFmtId="0" fontId="4" fillId="0" borderId="0" xfId="0" applyFont="1">
      <alignment vertical="center"/>
    </xf>
    <xf numFmtId="0" fontId="5" fillId="0" borderId="0" xfId="0" applyFont="1" applyAlignment="1">
      <alignment horizontal="left" vertical="center"/>
    </xf>
    <xf numFmtId="0" fontId="5" fillId="0" borderId="0" xfId="0" applyFont="1">
      <alignment vertical="center"/>
    </xf>
    <xf numFmtId="0" fontId="5" fillId="0" borderId="0" xfId="0" applyFont="1" applyAlignment="1">
      <alignment vertical="center" wrapText="1"/>
    </xf>
    <xf numFmtId="0" fontId="0" fillId="0" borderId="0" xfId="0" applyAlignment="1">
      <alignment horizontal="right" vertical="center"/>
    </xf>
    <xf numFmtId="0" fontId="5" fillId="0" borderId="0" xfId="0" applyFont="1" applyAlignment="1">
      <alignment horizontal="right" vertical="center"/>
    </xf>
    <xf numFmtId="0" fontId="3" fillId="0" borderId="0" xfId="0" applyFont="1">
      <alignment vertical="center"/>
    </xf>
    <xf numFmtId="0" fontId="3" fillId="0" borderId="0" xfId="0" applyFont="1" applyAlignment="1">
      <alignment horizontal="left" vertical="center"/>
    </xf>
    <xf numFmtId="0" fontId="3" fillId="0" borderId="0" xfId="0" applyFont="1" applyAlignment="1">
      <alignment horizontal="right" vertical="center"/>
    </xf>
    <xf numFmtId="0" fontId="1" fillId="2" borderId="1" xfId="0" applyFont="1" applyFill="1" applyBorder="1">
      <alignment vertical="center"/>
    </xf>
    <xf numFmtId="0" fontId="1" fillId="2" borderId="2" xfId="0" applyFont="1" applyFill="1" applyBorder="1">
      <alignment vertical="center"/>
    </xf>
    <xf numFmtId="0" fontId="1" fillId="2" borderId="3" xfId="0" applyFont="1" applyFill="1" applyBorder="1">
      <alignment vertical="center"/>
    </xf>
    <xf numFmtId="0" fontId="1" fillId="0" borderId="4" xfId="0" applyFont="1" applyBorder="1">
      <alignment vertical="center"/>
    </xf>
    <xf numFmtId="0" fontId="1" fillId="0" borderId="7" xfId="0" applyFont="1" applyBorder="1" applyAlignment="1">
      <alignment vertical="center" wrapText="1"/>
    </xf>
    <xf numFmtId="49" fontId="1" fillId="0" borderId="8" xfId="0" applyNumberFormat="1" applyFont="1" applyBorder="1" applyAlignment="1">
      <alignment horizontal="right" vertical="center" wrapText="1"/>
    </xf>
    <xf numFmtId="0" fontId="5" fillId="0" borderId="9" xfId="0" applyFont="1" applyBorder="1" applyAlignment="1">
      <alignment vertical="center" wrapText="1"/>
    </xf>
    <xf numFmtId="0" fontId="1" fillId="0" borderId="10" xfId="0" applyFont="1" applyBorder="1" applyAlignment="1">
      <alignment vertical="center" wrapText="1"/>
    </xf>
    <xf numFmtId="0" fontId="5" fillId="0" borderId="11" xfId="0" applyFont="1" applyBorder="1" applyAlignment="1">
      <alignment vertical="center" wrapText="1"/>
    </xf>
    <xf numFmtId="0" fontId="1" fillId="0" borderId="14" xfId="0" applyFont="1" applyBorder="1" applyAlignment="1">
      <alignment vertical="center" wrapText="1"/>
    </xf>
    <xf numFmtId="0" fontId="1" fillId="0" borderId="15" xfId="0" applyFont="1" applyBorder="1" applyAlignment="1">
      <alignment horizontal="left" vertical="center" wrapText="1"/>
    </xf>
    <xf numFmtId="0" fontId="1" fillId="0" borderId="16" xfId="0" applyFont="1" applyBorder="1" applyAlignment="1">
      <alignment vertical="center" wrapText="1"/>
    </xf>
    <xf numFmtId="0" fontId="1" fillId="0" borderId="17" xfId="0" applyFont="1" applyBorder="1" applyAlignment="1">
      <alignment horizontal="left" vertical="center" wrapText="1"/>
    </xf>
    <xf numFmtId="0" fontId="5" fillId="0" borderId="18" xfId="0" applyFont="1" applyBorder="1" applyAlignment="1">
      <alignment vertical="center" wrapText="1"/>
    </xf>
    <xf numFmtId="0" fontId="7" fillId="0" borderId="0" xfId="1" applyFont="1" applyAlignment="1">
      <alignment vertical="center" wrapText="1"/>
    </xf>
    <xf numFmtId="0" fontId="7" fillId="0" borderId="0" xfId="1" applyFont="1">
      <alignment vertical="center"/>
    </xf>
    <xf numFmtId="49" fontId="1" fillId="0" borderId="8" xfId="0" quotePrefix="1" applyNumberFormat="1" applyFont="1" applyBorder="1" applyAlignment="1">
      <alignment horizontal="right" vertical="center" wrapText="1"/>
    </xf>
    <xf numFmtId="0" fontId="1" fillId="0" borderId="19" xfId="0" applyFont="1" applyBorder="1" applyAlignment="1">
      <alignment vertical="center" wrapText="1"/>
    </xf>
    <xf numFmtId="49" fontId="1" fillId="0" borderId="20" xfId="0" quotePrefix="1" applyNumberFormat="1" applyFont="1" applyBorder="1" applyAlignment="1">
      <alignment horizontal="right" vertical="center" wrapText="1"/>
    </xf>
    <xf numFmtId="0" fontId="5" fillId="0" borderId="21" xfId="0" applyFont="1" applyBorder="1" applyAlignment="1">
      <alignment vertical="center" wrapText="1"/>
    </xf>
    <xf numFmtId="0" fontId="5" fillId="0" borderId="0" xfId="0" applyFont="1" applyAlignment="1">
      <alignment horizontal="center" vertical="center" wrapText="1"/>
    </xf>
    <xf numFmtId="0" fontId="0" fillId="0" borderId="0" xfId="0" applyAlignment="1">
      <alignment horizontal="center" vertical="center" wrapText="1"/>
    </xf>
    <xf numFmtId="49" fontId="5" fillId="0" borderId="0" xfId="0" applyNumberFormat="1" applyFont="1" applyAlignment="1">
      <alignment horizontal="center" wrapText="1"/>
    </xf>
    <xf numFmtId="49" fontId="8" fillId="0" borderId="0" xfId="0" applyNumberFormat="1" applyFont="1" applyAlignment="1">
      <alignment horizontal="left" vertical="top" wrapText="1"/>
    </xf>
    <xf numFmtId="49" fontId="5" fillId="0" borderId="23" xfId="0" applyNumberFormat="1" applyFont="1" applyBorder="1" applyAlignment="1">
      <alignment horizontal="center" vertical="center" wrapText="1"/>
    </xf>
    <xf numFmtId="49" fontId="5" fillId="0" borderId="24" xfId="0" applyNumberFormat="1" applyFont="1" applyBorder="1" applyAlignment="1">
      <alignment horizontal="center" vertical="center" wrapText="1"/>
    </xf>
    <xf numFmtId="49" fontId="5" fillId="0" borderId="25" xfId="0" applyNumberFormat="1" applyFont="1" applyBorder="1" applyAlignment="1">
      <alignment horizontal="center" vertical="center" wrapText="1"/>
    </xf>
    <xf numFmtId="49" fontId="5" fillId="0" borderId="26" xfId="0" applyNumberFormat="1" applyFont="1" applyBorder="1" applyAlignment="1">
      <alignment vertical="center" wrapText="1"/>
    </xf>
    <xf numFmtId="49" fontId="5" fillId="0" borderId="7" xfId="0" applyNumberFormat="1" applyFont="1" applyBorder="1" applyAlignment="1">
      <alignment vertical="center" wrapText="1"/>
    </xf>
    <xf numFmtId="49" fontId="5" fillId="0" borderId="29" xfId="0" applyNumberFormat="1" applyFont="1" applyBorder="1" applyAlignment="1">
      <alignment vertical="center" wrapText="1"/>
    </xf>
    <xf numFmtId="49" fontId="5" fillId="2" borderId="26" xfId="0" applyNumberFormat="1" applyFont="1" applyFill="1" applyBorder="1" applyAlignment="1">
      <alignment vertical="center" wrapText="1"/>
    </xf>
    <xf numFmtId="176" fontId="8" fillId="2" borderId="27" xfId="0" applyNumberFormat="1" applyFont="1" applyFill="1" applyBorder="1">
      <alignment vertical="center"/>
    </xf>
    <xf numFmtId="177" fontId="8" fillId="2" borderId="27" xfId="0" applyNumberFormat="1" applyFont="1" applyFill="1" applyBorder="1">
      <alignment vertical="center"/>
    </xf>
    <xf numFmtId="177" fontId="8" fillId="2" borderId="28" xfId="0" applyNumberFormat="1" applyFont="1" applyFill="1" applyBorder="1">
      <alignment vertical="center"/>
    </xf>
    <xf numFmtId="176" fontId="8" fillId="0" borderId="8" xfId="0" applyNumberFormat="1" applyFont="1" applyBorder="1">
      <alignment vertical="center"/>
    </xf>
    <xf numFmtId="177" fontId="8" fillId="0" borderId="8" xfId="0" applyNumberFormat="1" applyFont="1" applyBorder="1">
      <alignment vertical="center"/>
    </xf>
    <xf numFmtId="177" fontId="8" fillId="0" borderId="9" xfId="0" applyNumberFormat="1" applyFont="1" applyBorder="1">
      <alignment vertical="center"/>
    </xf>
    <xf numFmtId="176" fontId="8" fillId="0" borderId="30" xfId="0" applyNumberFormat="1" applyFont="1" applyBorder="1">
      <alignment vertical="center"/>
    </xf>
    <xf numFmtId="177" fontId="8" fillId="0" borderId="30" xfId="0" applyNumberFormat="1" applyFont="1" applyBorder="1">
      <alignment vertical="center"/>
    </xf>
    <xf numFmtId="177" fontId="8" fillId="0" borderId="31" xfId="0" applyNumberFormat="1" applyFont="1" applyBorder="1">
      <alignment vertical="center"/>
    </xf>
    <xf numFmtId="176" fontId="8" fillId="0" borderId="27" xfId="0" applyNumberFormat="1" applyFont="1" applyBorder="1">
      <alignment vertical="center"/>
    </xf>
    <xf numFmtId="177" fontId="8" fillId="0" borderId="27" xfId="0" applyNumberFormat="1" applyFont="1" applyBorder="1">
      <alignment vertical="center"/>
    </xf>
    <xf numFmtId="177" fontId="8" fillId="0" borderId="28" xfId="0" applyNumberFormat="1" applyFont="1" applyBorder="1">
      <alignment vertical="center"/>
    </xf>
    <xf numFmtId="0" fontId="8" fillId="0" borderId="0" xfId="0" applyFont="1" applyAlignment="1">
      <alignment horizontal="left" vertical="top" wrapText="1"/>
    </xf>
    <xf numFmtId="0" fontId="5" fillId="0" borderId="24" xfId="0" applyFont="1" applyBorder="1" applyAlignment="1">
      <alignment horizontal="center" vertical="center" wrapText="1"/>
    </xf>
    <xf numFmtId="0" fontId="5" fillId="0" borderId="25" xfId="0" applyFont="1" applyBorder="1" applyAlignment="1">
      <alignment horizontal="center" vertical="center" wrapText="1"/>
    </xf>
    <xf numFmtId="176" fontId="8" fillId="2" borderId="28" xfId="0" applyNumberFormat="1" applyFont="1" applyFill="1" applyBorder="1">
      <alignment vertical="center"/>
    </xf>
    <xf numFmtId="176" fontId="8" fillId="0" borderId="9" xfId="0" applyNumberFormat="1" applyFont="1" applyBorder="1">
      <alignment vertical="center"/>
    </xf>
    <xf numFmtId="176" fontId="8" fillId="0" borderId="31" xfId="0" applyNumberFormat="1" applyFont="1" applyBorder="1">
      <alignment vertical="center"/>
    </xf>
    <xf numFmtId="176" fontId="8" fillId="0" borderId="28" xfId="0" applyNumberFormat="1" applyFont="1" applyBorder="1">
      <alignment vertical="center"/>
    </xf>
    <xf numFmtId="0" fontId="5" fillId="2" borderId="32" xfId="0" applyFont="1" applyFill="1" applyBorder="1">
      <alignment vertical="center"/>
    </xf>
    <xf numFmtId="0" fontId="1" fillId="2" borderId="33" xfId="0" applyFont="1" applyFill="1" applyBorder="1" applyAlignment="1">
      <alignment vertical="center" wrapText="1"/>
    </xf>
    <xf numFmtId="0" fontId="5" fillId="2" borderId="34" xfId="0" applyFont="1" applyFill="1" applyBorder="1">
      <alignment vertical="center"/>
    </xf>
    <xf numFmtId="0" fontId="7" fillId="0" borderId="7" xfId="1" applyFont="1" applyBorder="1">
      <alignment vertical="center"/>
    </xf>
    <xf numFmtId="0" fontId="1" fillId="0" borderId="8" xfId="0" applyFont="1" applyBorder="1" applyAlignment="1">
      <alignment vertical="center" wrapText="1"/>
    </xf>
    <xf numFmtId="0" fontId="7" fillId="0" borderId="29" xfId="1" applyFont="1" applyBorder="1">
      <alignment vertical="center"/>
    </xf>
    <xf numFmtId="0" fontId="1" fillId="0" borderId="30" xfId="0" applyFont="1" applyBorder="1" applyAlignment="1">
      <alignment vertical="center" wrapText="1"/>
    </xf>
    <xf numFmtId="0" fontId="5" fillId="0" borderId="31" xfId="0" applyFont="1" applyBorder="1" applyAlignment="1">
      <alignment vertical="center" wrapText="1"/>
    </xf>
    <xf numFmtId="0" fontId="3" fillId="0" borderId="0" xfId="0" applyFont="1" applyAlignment="1">
      <alignment horizontal="left" vertical="center" wrapText="1"/>
    </xf>
    <xf numFmtId="0" fontId="1" fillId="0" borderId="5" xfId="0" applyFont="1" applyBorder="1" applyAlignment="1">
      <alignment horizontal="left" vertical="center" wrapText="1"/>
    </xf>
    <xf numFmtId="0" fontId="1" fillId="0" borderId="6" xfId="0" applyFont="1" applyBorder="1" applyAlignment="1">
      <alignment horizontal="left" vertical="center" wrapText="1"/>
    </xf>
    <xf numFmtId="0" fontId="1" fillId="0" borderId="12" xfId="0" applyFont="1" applyBorder="1" applyAlignment="1">
      <alignment horizontal="left" vertical="center"/>
    </xf>
    <xf numFmtId="0" fontId="1" fillId="0" borderId="13" xfId="0" applyFont="1" applyBorder="1" applyAlignment="1">
      <alignment horizontal="left" vertical="center"/>
    </xf>
    <xf numFmtId="0" fontId="1" fillId="0" borderId="0" xfId="0" applyFont="1" applyAlignment="1">
      <alignment horizontal="left" vertical="center" shrinkToFit="1"/>
    </xf>
    <xf numFmtId="0" fontId="0" fillId="0" borderId="0" xfId="0" applyAlignment="1">
      <alignment horizontal="left" vertical="center" shrinkToFit="1"/>
    </xf>
    <xf numFmtId="0" fontId="5" fillId="0" borderId="22" xfId="0" applyFont="1" applyBorder="1" applyAlignment="1">
      <alignment horizontal="center" vertical="center" wrapText="1"/>
    </xf>
  </cellXfs>
  <cellStyles count="2">
    <cellStyle name="ハイパーリンク" xfId="1" builtinId="8"/>
    <cellStyle name="標準" xfId="0" builtinId="0" customBuiltin="1"/>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D90000"/>
      <rgbColor rgb="0030CA00"/>
      <rgbColor rgb="000000FF"/>
      <rgbColor rgb="00FFE600"/>
      <rgbColor rgb="00FF4650"/>
      <rgbColor rgb="0094FFFF"/>
      <rgbColor rgb="00800000"/>
      <rgbColor rgb="00006600"/>
      <rgbColor rgb="0027238C"/>
      <rgbColor rgb="00808000"/>
      <rgbColor rgb="00800080"/>
      <rgbColor rgb="00008080"/>
      <rgbColor rgb="00B2B2B2"/>
      <rgbColor rgb="00808080"/>
      <rgbColor rgb="0099D140"/>
      <rgbColor rgb="0030CA00"/>
      <rgbColor rgb="00006600"/>
      <rgbColor rgb="00FFFF99"/>
      <rgbColor rgb="00FFCC99"/>
      <rgbColor rgb="00F5C619"/>
      <rgbColor rgb="00FF7F00"/>
      <rgbColor rgb="00FF3200"/>
      <rgbColor rgb="00FF99CC"/>
      <rgbColor rgb="00FF4650"/>
      <rgbColor rgb="00D90000"/>
      <rgbColor rgb="00CCFFFF"/>
      <rgbColor rgb="0099CCFF"/>
      <rgbColor rgb="0033CCCC"/>
      <rgbColor rgb="003366FF"/>
      <rgbColor rgb="0027238C"/>
      <rgbColor rgb="0000CCFF"/>
      <rgbColor rgb="00CCFFFF"/>
      <rgbColor rgb="00CCFFCC"/>
      <rgbColor rgb="00FFFF99"/>
      <rgbColor rgb="0099CCFF"/>
      <rgbColor rgb="00FF99CC"/>
      <rgbColor rgb="00CC99FF"/>
      <rgbColor rgb="00FFCC99"/>
      <rgbColor rgb="003366FF"/>
      <rgbColor rgb="0033CCCC"/>
      <rgbColor rgb="0099D140"/>
      <rgbColor rgb="00F5C619"/>
      <rgbColor rgb="00FF7F00"/>
      <rgbColor rgb="00FF3200"/>
      <rgbColor rgb="00688CC0"/>
      <rgbColor rgb="00969696"/>
      <rgbColor rgb="00002244"/>
      <rgbColor rgb="00339966"/>
      <rgbColor rgb="00003300"/>
      <rgbColor rgb="00333300"/>
      <rgbColor rgb="00993300"/>
      <rgbColor rgb="00CC3399"/>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732FB57-1D7E-46AD-ADBD-10B998ACFCAC}">
  <dimension ref="A1:C71"/>
  <sheetViews>
    <sheetView showGridLines="0" tabSelected="1" zoomScaleNormal="100" workbookViewId="0"/>
  </sheetViews>
  <sheetFormatPr defaultColWidth="9" defaultRowHeight="10.8" x14ac:dyDescent="0.2"/>
  <cols>
    <col min="1" max="1" width="5.109375" style="4" customWidth="1"/>
    <col min="2" max="2" width="75.6640625" style="1" customWidth="1"/>
    <col min="3" max="3" width="75.6640625" style="5" customWidth="1"/>
    <col min="4" max="255" width="9" style="4"/>
    <col min="256" max="256" width="5.109375" style="4" customWidth="1"/>
    <col min="257" max="257" width="11.44140625" style="4" customWidth="1"/>
    <col min="258" max="259" width="75.6640625" style="4" customWidth="1"/>
    <col min="260" max="511" width="9" style="4"/>
    <col min="512" max="512" width="5.109375" style="4" customWidth="1"/>
    <col min="513" max="513" width="11.44140625" style="4" customWidth="1"/>
    <col min="514" max="515" width="75.6640625" style="4" customWidth="1"/>
    <col min="516" max="767" width="9" style="4"/>
    <col min="768" max="768" width="5.109375" style="4" customWidth="1"/>
    <col min="769" max="769" width="11.44140625" style="4" customWidth="1"/>
    <col min="770" max="771" width="75.6640625" style="4" customWidth="1"/>
    <col min="772" max="1023" width="9" style="4"/>
    <col min="1024" max="1024" width="5.109375" style="4" customWidth="1"/>
    <col min="1025" max="1025" width="11.44140625" style="4" customWidth="1"/>
    <col min="1026" max="1027" width="75.6640625" style="4" customWidth="1"/>
    <col min="1028" max="1279" width="9" style="4"/>
    <col min="1280" max="1280" width="5.109375" style="4" customWidth="1"/>
    <col min="1281" max="1281" width="11.44140625" style="4" customWidth="1"/>
    <col min="1282" max="1283" width="75.6640625" style="4" customWidth="1"/>
    <col min="1284" max="1535" width="9" style="4"/>
    <col min="1536" max="1536" width="5.109375" style="4" customWidth="1"/>
    <col min="1537" max="1537" width="11.44140625" style="4" customWidth="1"/>
    <col min="1538" max="1539" width="75.6640625" style="4" customWidth="1"/>
    <col min="1540" max="1791" width="9" style="4"/>
    <col min="1792" max="1792" width="5.109375" style="4" customWidth="1"/>
    <col min="1793" max="1793" width="11.44140625" style="4" customWidth="1"/>
    <col min="1794" max="1795" width="75.6640625" style="4" customWidth="1"/>
    <col min="1796" max="2047" width="9" style="4"/>
    <col min="2048" max="2048" width="5.109375" style="4" customWidth="1"/>
    <col min="2049" max="2049" width="11.44140625" style="4" customWidth="1"/>
    <col min="2050" max="2051" width="75.6640625" style="4" customWidth="1"/>
    <col min="2052" max="2303" width="9" style="4"/>
    <col min="2304" max="2304" width="5.109375" style="4" customWidth="1"/>
    <col min="2305" max="2305" width="11.44140625" style="4" customWidth="1"/>
    <col min="2306" max="2307" width="75.6640625" style="4" customWidth="1"/>
    <col min="2308" max="2559" width="9" style="4"/>
    <col min="2560" max="2560" width="5.109375" style="4" customWidth="1"/>
    <col min="2561" max="2561" width="11.44140625" style="4" customWidth="1"/>
    <col min="2562" max="2563" width="75.6640625" style="4" customWidth="1"/>
    <col min="2564" max="2815" width="9" style="4"/>
    <col min="2816" max="2816" width="5.109375" style="4" customWidth="1"/>
    <col min="2817" max="2817" width="11.44140625" style="4" customWidth="1"/>
    <col min="2818" max="2819" width="75.6640625" style="4" customWidth="1"/>
    <col min="2820" max="3071" width="9" style="4"/>
    <col min="3072" max="3072" width="5.109375" style="4" customWidth="1"/>
    <col min="3073" max="3073" width="11.44140625" style="4" customWidth="1"/>
    <col min="3074" max="3075" width="75.6640625" style="4" customWidth="1"/>
    <col min="3076" max="3327" width="9" style="4"/>
    <col min="3328" max="3328" width="5.109375" style="4" customWidth="1"/>
    <col min="3329" max="3329" width="11.44140625" style="4" customWidth="1"/>
    <col min="3330" max="3331" width="75.6640625" style="4" customWidth="1"/>
    <col min="3332" max="3583" width="9" style="4"/>
    <col min="3584" max="3584" width="5.109375" style="4" customWidth="1"/>
    <col min="3585" max="3585" width="11.44140625" style="4" customWidth="1"/>
    <col min="3586" max="3587" width="75.6640625" style="4" customWidth="1"/>
    <col min="3588" max="3839" width="9" style="4"/>
    <col min="3840" max="3840" width="5.109375" style="4" customWidth="1"/>
    <col min="3841" max="3841" width="11.44140625" style="4" customWidth="1"/>
    <col min="3842" max="3843" width="75.6640625" style="4" customWidth="1"/>
    <col min="3844" max="4095" width="9" style="4"/>
    <col min="4096" max="4096" width="5.109375" style="4" customWidth="1"/>
    <col min="4097" max="4097" width="11.44140625" style="4" customWidth="1"/>
    <col min="4098" max="4099" width="75.6640625" style="4" customWidth="1"/>
    <col min="4100" max="4351" width="9" style="4"/>
    <col min="4352" max="4352" width="5.109375" style="4" customWidth="1"/>
    <col min="4353" max="4353" width="11.44140625" style="4" customWidth="1"/>
    <col min="4354" max="4355" width="75.6640625" style="4" customWidth="1"/>
    <col min="4356" max="4607" width="9" style="4"/>
    <col min="4608" max="4608" width="5.109375" style="4" customWidth="1"/>
    <col min="4609" max="4609" width="11.44140625" style="4" customWidth="1"/>
    <col min="4610" max="4611" width="75.6640625" style="4" customWidth="1"/>
    <col min="4612" max="4863" width="9" style="4"/>
    <col min="4864" max="4864" width="5.109375" style="4" customWidth="1"/>
    <col min="4865" max="4865" width="11.44140625" style="4" customWidth="1"/>
    <col min="4866" max="4867" width="75.6640625" style="4" customWidth="1"/>
    <col min="4868" max="5119" width="9" style="4"/>
    <col min="5120" max="5120" width="5.109375" style="4" customWidth="1"/>
    <col min="5121" max="5121" width="11.44140625" style="4" customWidth="1"/>
    <col min="5122" max="5123" width="75.6640625" style="4" customWidth="1"/>
    <col min="5124" max="5375" width="9" style="4"/>
    <col min="5376" max="5376" width="5.109375" style="4" customWidth="1"/>
    <col min="5377" max="5377" width="11.44140625" style="4" customWidth="1"/>
    <col min="5378" max="5379" width="75.6640625" style="4" customWidth="1"/>
    <col min="5380" max="5631" width="9" style="4"/>
    <col min="5632" max="5632" width="5.109375" style="4" customWidth="1"/>
    <col min="5633" max="5633" width="11.44140625" style="4" customWidth="1"/>
    <col min="5634" max="5635" width="75.6640625" style="4" customWidth="1"/>
    <col min="5636" max="5887" width="9" style="4"/>
    <col min="5888" max="5888" width="5.109375" style="4" customWidth="1"/>
    <col min="5889" max="5889" width="11.44140625" style="4" customWidth="1"/>
    <col min="5890" max="5891" width="75.6640625" style="4" customWidth="1"/>
    <col min="5892" max="6143" width="9" style="4"/>
    <col min="6144" max="6144" width="5.109375" style="4" customWidth="1"/>
    <col min="6145" max="6145" width="11.44140625" style="4" customWidth="1"/>
    <col min="6146" max="6147" width="75.6640625" style="4" customWidth="1"/>
    <col min="6148" max="6399" width="9" style="4"/>
    <col min="6400" max="6400" width="5.109375" style="4" customWidth="1"/>
    <col min="6401" max="6401" width="11.44140625" style="4" customWidth="1"/>
    <col min="6402" max="6403" width="75.6640625" style="4" customWidth="1"/>
    <col min="6404" max="6655" width="9" style="4"/>
    <col min="6656" max="6656" width="5.109375" style="4" customWidth="1"/>
    <col min="6657" max="6657" width="11.44140625" style="4" customWidth="1"/>
    <col min="6658" max="6659" width="75.6640625" style="4" customWidth="1"/>
    <col min="6660" max="6911" width="9" style="4"/>
    <col min="6912" max="6912" width="5.109375" style="4" customWidth="1"/>
    <col min="6913" max="6913" width="11.44140625" style="4" customWidth="1"/>
    <col min="6914" max="6915" width="75.6640625" style="4" customWidth="1"/>
    <col min="6916" max="7167" width="9" style="4"/>
    <col min="7168" max="7168" width="5.109375" style="4" customWidth="1"/>
    <col min="7169" max="7169" width="11.44140625" style="4" customWidth="1"/>
    <col min="7170" max="7171" width="75.6640625" style="4" customWidth="1"/>
    <col min="7172" max="7423" width="9" style="4"/>
    <col min="7424" max="7424" width="5.109375" style="4" customWidth="1"/>
    <col min="7425" max="7425" width="11.44140625" style="4" customWidth="1"/>
    <col min="7426" max="7427" width="75.6640625" style="4" customWidth="1"/>
    <col min="7428" max="7679" width="9" style="4"/>
    <col min="7680" max="7680" width="5.109375" style="4" customWidth="1"/>
    <col min="7681" max="7681" width="11.44140625" style="4" customWidth="1"/>
    <col min="7682" max="7683" width="75.6640625" style="4" customWidth="1"/>
    <col min="7684" max="7935" width="9" style="4"/>
    <col min="7936" max="7936" width="5.109375" style="4" customWidth="1"/>
    <col min="7937" max="7937" width="11.44140625" style="4" customWidth="1"/>
    <col min="7938" max="7939" width="75.6640625" style="4" customWidth="1"/>
    <col min="7940" max="8191" width="9" style="4"/>
    <col min="8192" max="8192" width="5.109375" style="4" customWidth="1"/>
    <col min="8193" max="8193" width="11.44140625" style="4" customWidth="1"/>
    <col min="8194" max="8195" width="75.6640625" style="4" customWidth="1"/>
    <col min="8196" max="8447" width="9" style="4"/>
    <col min="8448" max="8448" width="5.109375" style="4" customWidth="1"/>
    <col min="8449" max="8449" width="11.44140625" style="4" customWidth="1"/>
    <col min="8450" max="8451" width="75.6640625" style="4" customWidth="1"/>
    <col min="8452" max="8703" width="9" style="4"/>
    <col min="8704" max="8704" width="5.109375" style="4" customWidth="1"/>
    <col min="8705" max="8705" width="11.44140625" style="4" customWidth="1"/>
    <col min="8706" max="8707" width="75.6640625" style="4" customWidth="1"/>
    <col min="8708" max="8959" width="9" style="4"/>
    <col min="8960" max="8960" width="5.109375" style="4" customWidth="1"/>
    <col min="8961" max="8961" width="11.44140625" style="4" customWidth="1"/>
    <col min="8962" max="8963" width="75.6640625" style="4" customWidth="1"/>
    <col min="8964" max="9215" width="9" style="4"/>
    <col min="9216" max="9216" width="5.109375" style="4" customWidth="1"/>
    <col min="9217" max="9217" width="11.44140625" style="4" customWidth="1"/>
    <col min="9218" max="9219" width="75.6640625" style="4" customWidth="1"/>
    <col min="9220" max="9471" width="9" style="4"/>
    <col min="9472" max="9472" width="5.109375" style="4" customWidth="1"/>
    <col min="9473" max="9473" width="11.44140625" style="4" customWidth="1"/>
    <col min="9474" max="9475" width="75.6640625" style="4" customWidth="1"/>
    <col min="9476" max="9727" width="9" style="4"/>
    <col min="9728" max="9728" width="5.109375" style="4" customWidth="1"/>
    <col min="9729" max="9729" width="11.44140625" style="4" customWidth="1"/>
    <col min="9730" max="9731" width="75.6640625" style="4" customWidth="1"/>
    <col min="9732" max="9983" width="9" style="4"/>
    <col min="9984" max="9984" width="5.109375" style="4" customWidth="1"/>
    <col min="9985" max="9985" width="11.44140625" style="4" customWidth="1"/>
    <col min="9986" max="9987" width="75.6640625" style="4" customWidth="1"/>
    <col min="9988" max="10239" width="9" style="4"/>
    <col min="10240" max="10240" width="5.109375" style="4" customWidth="1"/>
    <col min="10241" max="10241" width="11.44140625" style="4" customWidth="1"/>
    <col min="10242" max="10243" width="75.6640625" style="4" customWidth="1"/>
    <col min="10244" max="10495" width="9" style="4"/>
    <col min="10496" max="10496" width="5.109375" style="4" customWidth="1"/>
    <col min="10497" max="10497" width="11.44140625" style="4" customWidth="1"/>
    <col min="10498" max="10499" width="75.6640625" style="4" customWidth="1"/>
    <col min="10500" max="10751" width="9" style="4"/>
    <col min="10752" max="10752" width="5.109375" style="4" customWidth="1"/>
    <col min="10753" max="10753" width="11.44140625" style="4" customWidth="1"/>
    <col min="10754" max="10755" width="75.6640625" style="4" customWidth="1"/>
    <col min="10756" max="11007" width="9" style="4"/>
    <col min="11008" max="11008" width="5.109375" style="4" customWidth="1"/>
    <col min="11009" max="11009" width="11.44140625" style="4" customWidth="1"/>
    <col min="11010" max="11011" width="75.6640625" style="4" customWidth="1"/>
    <col min="11012" max="11263" width="9" style="4"/>
    <col min="11264" max="11264" width="5.109375" style="4" customWidth="1"/>
    <col min="11265" max="11265" width="11.44140625" style="4" customWidth="1"/>
    <col min="11266" max="11267" width="75.6640625" style="4" customWidth="1"/>
    <col min="11268" max="11519" width="9" style="4"/>
    <col min="11520" max="11520" width="5.109375" style="4" customWidth="1"/>
    <col min="11521" max="11521" width="11.44140625" style="4" customWidth="1"/>
    <col min="11522" max="11523" width="75.6640625" style="4" customWidth="1"/>
    <col min="11524" max="11775" width="9" style="4"/>
    <col min="11776" max="11776" width="5.109375" style="4" customWidth="1"/>
    <col min="11777" max="11777" width="11.44140625" style="4" customWidth="1"/>
    <col min="11778" max="11779" width="75.6640625" style="4" customWidth="1"/>
    <col min="11780" max="12031" width="9" style="4"/>
    <col min="12032" max="12032" width="5.109375" style="4" customWidth="1"/>
    <col min="12033" max="12033" width="11.44140625" style="4" customWidth="1"/>
    <col min="12034" max="12035" width="75.6640625" style="4" customWidth="1"/>
    <col min="12036" max="12287" width="9" style="4"/>
    <col min="12288" max="12288" width="5.109375" style="4" customWidth="1"/>
    <col min="12289" max="12289" width="11.44140625" style="4" customWidth="1"/>
    <col min="12290" max="12291" width="75.6640625" style="4" customWidth="1"/>
    <col min="12292" max="12543" width="9" style="4"/>
    <col min="12544" max="12544" width="5.109375" style="4" customWidth="1"/>
    <col min="12545" max="12545" width="11.44140625" style="4" customWidth="1"/>
    <col min="12546" max="12547" width="75.6640625" style="4" customWidth="1"/>
    <col min="12548" max="12799" width="9" style="4"/>
    <col min="12800" max="12800" width="5.109375" style="4" customWidth="1"/>
    <col min="12801" max="12801" width="11.44140625" style="4" customWidth="1"/>
    <col min="12802" max="12803" width="75.6640625" style="4" customWidth="1"/>
    <col min="12804" max="13055" width="9" style="4"/>
    <col min="13056" max="13056" width="5.109375" style="4" customWidth="1"/>
    <col min="13057" max="13057" width="11.44140625" style="4" customWidth="1"/>
    <col min="13058" max="13059" width="75.6640625" style="4" customWidth="1"/>
    <col min="13060" max="13311" width="9" style="4"/>
    <col min="13312" max="13312" width="5.109375" style="4" customWidth="1"/>
    <col min="13313" max="13313" width="11.44140625" style="4" customWidth="1"/>
    <col min="13314" max="13315" width="75.6640625" style="4" customWidth="1"/>
    <col min="13316" max="13567" width="9" style="4"/>
    <col min="13568" max="13568" width="5.109375" style="4" customWidth="1"/>
    <col min="13569" max="13569" width="11.44140625" style="4" customWidth="1"/>
    <col min="13570" max="13571" width="75.6640625" style="4" customWidth="1"/>
    <col min="13572" max="13823" width="9" style="4"/>
    <col min="13824" max="13824" width="5.109375" style="4" customWidth="1"/>
    <col min="13825" max="13825" width="11.44140625" style="4" customWidth="1"/>
    <col min="13826" max="13827" width="75.6640625" style="4" customWidth="1"/>
    <col min="13828" max="14079" width="9" style="4"/>
    <col min="14080" max="14080" width="5.109375" style="4" customWidth="1"/>
    <col min="14081" max="14081" width="11.44140625" style="4" customWidth="1"/>
    <col min="14082" max="14083" width="75.6640625" style="4" customWidth="1"/>
    <col min="14084" max="14335" width="9" style="4"/>
    <col min="14336" max="14336" width="5.109375" style="4" customWidth="1"/>
    <col min="14337" max="14337" width="11.44140625" style="4" customWidth="1"/>
    <col min="14338" max="14339" width="75.6640625" style="4" customWidth="1"/>
    <col min="14340" max="14591" width="9" style="4"/>
    <col min="14592" max="14592" width="5.109375" style="4" customWidth="1"/>
    <col min="14593" max="14593" width="11.44140625" style="4" customWidth="1"/>
    <col min="14594" max="14595" width="75.6640625" style="4" customWidth="1"/>
    <col min="14596" max="14847" width="9" style="4"/>
    <col min="14848" max="14848" width="5.109375" style="4" customWidth="1"/>
    <col min="14849" max="14849" width="11.44140625" style="4" customWidth="1"/>
    <col min="14850" max="14851" width="75.6640625" style="4" customWidth="1"/>
    <col min="14852" max="15103" width="9" style="4"/>
    <col min="15104" max="15104" width="5.109375" style="4" customWidth="1"/>
    <col min="15105" max="15105" width="11.44140625" style="4" customWidth="1"/>
    <col min="15106" max="15107" width="75.6640625" style="4" customWidth="1"/>
    <col min="15108" max="15359" width="9" style="4"/>
    <col min="15360" max="15360" width="5.109375" style="4" customWidth="1"/>
    <col min="15361" max="15361" width="11.44140625" style="4" customWidth="1"/>
    <col min="15362" max="15363" width="75.6640625" style="4" customWidth="1"/>
    <col min="15364" max="15615" width="9" style="4"/>
    <col min="15616" max="15616" width="5.109375" style="4" customWidth="1"/>
    <col min="15617" max="15617" width="11.44140625" style="4" customWidth="1"/>
    <col min="15618" max="15619" width="75.6640625" style="4" customWidth="1"/>
    <col min="15620" max="15871" width="9" style="4"/>
    <col min="15872" max="15872" width="5.109375" style="4" customWidth="1"/>
    <col min="15873" max="15873" width="11.44140625" style="4" customWidth="1"/>
    <col min="15874" max="15875" width="75.6640625" style="4" customWidth="1"/>
    <col min="15876" max="16127" width="9" style="4"/>
    <col min="16128" max="16128" width="5.109375" style="4" customWidth="1"/>
    <col min="16129" max="16129" width="11.44140625" style="4" customWidth="1"/>
    <col min="16130" max="16131" width="75.6640625" style="4" customWidth="1"/>
    <col min="16132" max="16384" width="9" style="4"/>
  </cols>
  <sheetData>
    <row r="1" spans="1:3" s="2" customFormat="1" ht="14.4" x14ac:dyDescent="0.2">
      <c r="A1" s="1"/>
      <c r="B1" s="69" t="s">
        <v>20</v>
      </c>
      <c r="C1" s="69"/>
    </row>
    <row r="2" spans="1:3" x14ac:dyDescent="0.2">
      <c r="A2" s="3"/>
      <c r="B2" s="3" t="s">
        <v>21</v>
      </c>
      <c r="C2" s="4"/>
    </row>
    <row r="3" spans="1:3" ht="11.25" customHeight="1" x14ac:dyDescent="0.2">
      <c r="A3" s="3"/>
      <c r="B3" s="4" t="s">
        <v>22</v>
      </c>
      <c r="C3" s="4"/>
    </row>
    <row r="4" spans="1:3" ht="11.25" customHeight="1" x14ac:dyDescent="0.2">
      <c r="B4" s="5" t="s">
        <v>23</v>
      </c>
      <c r="C4" s="4"/>
    </row>
    <row r="5" spans="1:3" ht="11.25" customHeight="1" x14ac:dyDescent="0.2">
      <c r="B5" s="25" t="s">
        <v>24</v>
      </c>
      <c r="C5" s="4"/>
    </row>
    <row r="6" spans="1:3" x14ac:dyDescent="0.2">
      <c r="A6" s="61"/>
      <c r="B6" s="62" t="s">
        <v>0</v>
      </c>
      <c r="C6" s="63" t="s">
        <v>1</v>
      </c>
    </row>
    <row r="7" spans="1:3" x14ac:dyDescent="0.2">
      <c r="A7" s="64" t="s">
        <v>467</v>
      </c>
      <c r="B7" s="65" t="s">
        <v>36</v>
      </c>
      <c r="C7" s="17" t="s">
        <v>37</v>
      </c>
    </row>
    <row r="8" spans="1:3" x14ac:dyDescent="0.2">
      <c r="A8" s="64" t="s">
        <v>467</v>
      </c>
      <c r="B8" s="65" t="s">
        <v>74</v>
      </c>
      <c r="C8" s="17" t="s">
        <v>37</v>
      </c>
    </row>
    <row r="9" spans="1:3" ht="21.6" x14ac:dyDescent="0.2">
      <c r="A9" s="64" t="s">
        <v>467</v>
      </c>
      <c r="B9" s="65" t="s">
        <v>76</v>
      </c>
      <c r="C9" s="17" t="s">
        <v>37</v>
      </c>
    </row>
    <row r="10" spans="1:3" x14ac:dyDescent="0.2">
      <c r="A10" s="64" t="s">
        <v>467</v>
      </c>
      <c r="B10" s="65" t="s">
        <v>77</v>
      </c>
      <c r="C10" s="17" t="s">
        <v>37</v>
      </c>
    </row>
    <row r="11" spans="1:3" ht="21.6" x14ac:dyDescent="0.2">
      <c r="A11" s="64" t="s">
        <v>467</v>
      </c>
      <c r="B11" s="65" t="s">
        <v>78</v>
      </c>
      <c r="C11" s="17" t="s">
        <v>37</v>
      </c>
    </row>
    <row r="12" spans="1:3" ht="21.6" x14ac:dyDescent="0.2">
      <c r="A12" s="64" t="s">
        <v>467</v>
      </c>
      <c r="B12" s="65" t="s">
        <v>80</v>
      </c>
      <c r="C12" s="17" t="s">
        <v>37</v>
      </c>
    </row>
    <row r="13" spans="1:3" ht="21.6" x14ac:dyDescent="0.2">
      <c r="A13" s="64" t="s">
        <v>467</v>
      </c>
      <c r="B13" s="65" t="s">
        <v>82</v>
      </c>
      <c r="C13" s="17" t="s">
        <v>37</v>
      </c>
    </row>
    <row r="14" spans="1:3" ht="21.6" x14ac:dyDescent="0.2">
      <c r="A14" s="64" t="s">
        <v>467</v>
      </c>
      <c r="B14" s="65" t="s">
        <v>83</v>
      </c>
      <c r="C14" s="17" t="s">
        <v>37</v>
      </c>
    </row>
    <row r="15" spans="1:3" x14ac:dyDescent="0.2">
      <c r="A15" s="64" t="s">
        <v>467</v>
      </c>
      <c r="B15" s="65" t="s">
        <v>84</v>
      </c>
      <c r="C15" s="17" t="s">
        <v>37</v>
      </c>
    </row>
    <row r="16" spans="1:3" ht="21.6" x14ac:dyDescent="0.2">
      <c r="A16" s="64" t="s">
        <v>467</v>
      </c>
      <c r="B16" s="65" t="s">
        <v>86</v>
      </c>
      <c r="C16" s="17" t="s">
        <v>37</v>
      </c>
    </row>
    <row r="17" spans="1:3" x14ac:dyDescent="0.2">
      <c r="A17" s="64" t="s">
        <v>467</v>
      </c>
      <c r="B17" s="65" t="s">
        <v>87</v>
      </c>
      <c r="C17" s="17" t="s">
        <v>37</v>
      </c>
    </row>
    <row r="18" spans="1:3" x14ac:dyDescent="0.2">
      <c r="A18" s="64" t="s">
        <v>467</v>
      </c>
      <c r="B18" s="65" t="s">
        <v>89</v>
      </c>
      <c r="C18" s="17" t="s">
        <v>37</v>
      </c>
    </row>
    <row r="19" spans="1:3" x14ac:dyDescent="0.2">
      <c r="A19" s="64" t="s">
        <v>467</v>
      </c>
      <c r="B19" s="65" t="s">
        <v>91</v>
      </c>
      <c r="C19" s="17" t="s">
        <v>37</v>
      </c>
    </row>
    <row r="20" spans="1:3" x14ac:dyDescent="0.2">
      <c r="A20" s="64" t="s">
        <v>467</v>
      </c>
      <c r="B20" s="65" t="s">
        <v>93</v>
      </c>
      <c r="C20" s="17" t="s">
        <v>37</v>
      </c>
    </row>
    <row r="21" spans="1:3" x14ac:dyDescent="0.2">
      <c r="A21" s="64" t="s">
        <v>467</v>
      </c>
      <c r="B21" s="65" t="s">
        <v>95</v>
      </c>
      <c r="C21" s="17" t="s">
        <v>37</v>
      </c>
    </row>
    <row r="22" spans="1:3" x14ac:dyDescent="0.2">
      <c r="A22" s="64" t="s">
        <v>467</v>
      </c>
      <c r="B22" s="65" t="s">
        <v>96</v>
      </c>
      <c r="C22" s="17" t="s">
        <v>37</v>
      </c>
    </row>
    <row r="23" spans="1:3" x14ac:dyDescent="0.2">
      <c r="A23" s="64" t="s">
        <v>467</v>
      </c>
      <c r="B23" s="65" t="s">
        <v>97</v>
      </c>
      <c r="C23" s="17" t="s">
        <v>37</v>
      </c>
    </row>
    <row r="24" spans="1:3" x14ac:dyDescent="0.2">
      <c r="A24" s="64" t="s">
        <v>467</v>
      </c>
      <c r="B24" s="65" t="s">
        <v>98</v>
      </c>
      <c r="C24" s="17" t="s">
        <v>37</v>
      </c>
    </row>
    <row r="25" spans="1:3" x14ac:dyDescent="0.2">
      <c r="A25" s="64" t="s">
        <v>467</v>
      </c>
      <c r="B25" s="65" t="s">
        <v>99</v>
      </c>
      <c r="C25" s="17" t="s">
        <v>37</v>
      </c>
    </row>
    <row r="26" spans="1:3" x14ac:dyDescent="0.2">
      <c r="A26" s="64" t="s">
        <v>467</v>
      </c>
      <c r="B26" s="65" t="s">
        <v>101</v>
      </c>
      <c r="C26" s="17" t="s">
        <v>37</v>
      </c>
    </row>
    <row r="27" spans="1:3" x14ac:dyDescent="0.2">
      <c r="A27" s="64" t="s">
        <v>467</v>
      </c>
      <c r="B27" s="65" t="s">
        <v>103</v>
      </c>
      <c r="C27" s="17" t="s">
        <v>37</v>
      </c>
    </row>
    <row r="28" spans="1:3" x14ac:dyDescent="0.2">
      <c r="A28" s="64" t="s">
        <v>467</v>
      </c>
      <c r="B28" s="65" t="s">
        <v>105</v>
      </c>
      <c r="C28" s="17" t="s">
        <v>37</v>
      </c>
    </row>
    <row r="29" spans="1:3" x14ac:dyDescent="0.2">
      <c r="A29" s="64" t="s">
        <v>467</v>
      </c>
      <c r="B29" s="65" t="s">
        <v>107</v>
      </c>
      <c r="C29" s="17" t="s">
        <v>37</v>
      </c>
    </row>
    <row r="30" spans="1:3" x14ac:dyDescent="0.2">
      <c r="A30" s="64" t="s">
        <v>467</v>
      </c>
      <c r="B30" s="65" t="s">
        <v>109</v>
      </c>
      <c r="C30" s="17" t="s">
        <v>37</v>
      </c>
    </row>
    <row r="31" spans="1:3" x14ac:dyDescent="0.2">
      <c r="A31" s="64" t="s">
        <v>467</v>
      </c>
      <c r="B31" s="65" t="s">
        <v>111</v>
      </c>
      <c r="C31" s="17" t="s">
        <v>37</v>
      </c>
    </row>
    <row r="32" spans="1:3" x14ac:dyDescent="0.2">
      <c r="A32" s="64" t="s">
        <v>467</v>
      </c>
      <c r="B32" s="65" t="s">
        <v>113</v>
      </c>
      <c r="C32" s="17" t="s">
        <v>37</v>
      </c>
    </row>
    <row r="33" spans="1:3" x14ac:dyDescent="0.2">
      <c r="A33" s="64" t="s">
        <v>467</v>
      </c>
      <c r="B33" s="65" t="s">
        <v>115</v>
      </c>
      <c r="C33" s="17" t="s">
        <v>37</v>
      </c>
    </row>
    <row r="34" spans="1:3" x14ac:dyDescent="0.2">
      <c r="A34" s="64" t="s">
        <v>467</v>
      </c>
      <c r="B34" s="65" t="s">
        <v>117</v>
      </c>
      <c r="C34" s="17" t="s">
        <v>37</v>
      </c>
    </row>
    <row r="35" spans="1:3" x14ac:dyDescent="0.2">
      <c r="A35" s="64" t="s">
        <v>467</v>
      </c>
      <c r="B35" s="65" t="s">
        <v>118</v>
      </c>
      <c r="C35" s="17" t="s">
        <v>37</v>
      </c>
    </row>
    <row r="36" spans="1:3" ht="21.6" x14ac:dyDescent="0.2">
      <c r="A36" s="64" t="s">
        <v>467</v>
      </c>
      <c r="B36" s="65" t="s">
        <v>120</v>
      </c>
      <c r="C36" s="17" t="s">
        <v>37</v>
      </c>
    </row>
    <row r="37" spans="1:3" x14ac:dyDescent="0.2">
      <c r="A37" s="64" t="s">
        <v>467</v>
      </c>
      <c r="B37" s="65" t="s">
        <v>122</v>
      </c>
      <c r="C37" s="17" t="s">
        <v>37</v>
      </c>
    </row>
    <row r="38" spans="1:3" x14ac:dyDescent="0.2">
      <c r="A38" s="64" t="s">
        <v>467</v>
      </c>
      <c r="B38" s="65" t="s">
        <v>124</v>
      </c>
      <c r="C38" s="17" t="s">
        <v>37</v>
      </c>
    </row>
    <row r="39" spans="1:3" x14ac:dyDescent="0.2">
      <c r="A39" s="64" t="s">
        <v>467</v>
      </c>
      <c r="B39" s="65" t="s">
        <v>125</v>
      </c>
      <c r="C39" s="17" t="s">
        <v>37</v>
      </c>
    </row>
    <row r="40" spans="1:3" x14ac:dyDescent="0.2">
      <c r="A40" s="64" t="s">
        <v>467</v>
      </c>
      <c r="B40" s="65" t="s">
        <v>127</v>
      </c>
      <c r="C40" s="17" t="s">
        <v>37</v>
      </c>
    </row>
    <row r="41" spans="1:3" x14ac:dyDescent="0.2">
      <c r="A41" s="64" t="s">
        <v>467</v>
      </c>
      <c r="B41" s="65" t="s">
        <v>129</v>
      </c>
      <c r="C41" s="17" t="s">
        <v>37</v>
      </c>
    </row>
    <row r="42" spans="1:3" x14ac:dyDescent="0.2">
      <c r="A42" s="64" t="s">
        <v>467</v>
      </c>
      <c r="B42" s="65" t="s">
        <v>131</v>
      </c>
      <c r="C42" s="17" t="s">
        <v>37</v>
      </c>
    </row>
    <row r="43" spans="1:3" x14ac:dyDescent="0.2">
      <c r="A43" s="64" t="s">
        <v>467</v>
      </c>
      <c r="B43" s="65" t="s">
        <v>132</v>
      </c>
      <c r="C43" s="17" t="s">
        <v>37</v>
      </c>
    </row>
    <row r="44" spans="1:3" x14ac:dyDescent="0.2">
      <c r="A44" s="64" t="s">
        <v>467</v>
      </c>
      <c r="B44" s="65" t="s">
        <v>134</v>
      </c>
      <c r="C44" s="17" t="s">
        <v>37</v>
      </c>
    </row>
    <row r="45" spans="1:3" x14ac:dyDescent="0.2">
      <c r="A45" s="64" t="s">
        <v>467</v>
      </c>
      <c r="B45" s="65" t="s">
        <v>136</v>
      </c>
      <c r="C45" s="17" t="s">
        <v>37</v>
      </c>
    </row>
    <row r="46" spans="1:3" x14ac:dyDescent="0.2">
      <c r="A46" s="64" t="s">
        <v>467</v>
      </c>
      <c r="B46" s="65" t="s">
        <v>137</v>
      </c>
      <c r="C46" s="17" t="s">
        <v>37</v>
      </c>
    </row>
    <row r="47" spans="1:3" x14ac:dyDescent="0.2">
      <c r="A47" s="64" t="s">
        <v>467</v>
      </c>
      <c r="B47" s="65" t="s">
        <v>139</v>
      </c>
      <c r="C47" s="17" t="s">
        <v>37</v>
      </c>
    </row>
    <row r="48" spans="1:3" x14ac:dyDescent="0.2">
      <c r="A48" s="64" t="s">
        <v>467</v>
      </c>
      <c r="B48" s="65" t="s">
        <v>141</v>
      </c>
      <c r="C48" s="17" t="s">
        <v>37</v>
      </c>
    </row>
    <row r="49" spans="1:3" x14ac:dyDescent="0.2">
      <c r="A49" s="64" t="s">
        <v>467</v>
      </c>
      <c r="B49" s="65" t="s">
        <v>142</v>
      </c>
      <c r="C49" s="17" t="s">
        <v>37</v>
      </c>
    </row>
    <row r="50" spans="1:3" x14ac:dyDescent="0.2">
      <c r="A50" s="64" t="s">
        <v>467</v>
      </c>
      <c r="B50" s="65" t="s">
        <v>144</v>
      </c>
      <c r="C50" s="17" t="s">
        <v>37</v>
      </c>
    </row>
    <row r="51" spans="1:3" x14ac:dyDescent="0.2">
      <c r="A51" s="64" t="s">
        <v>467</v>
      </c>
      <c r="B51" s="65" t="s">
        <v>146</v>
      </c>
      <c r="C51" s="17" t="s">
        <v>37</v>
      </c>
    </row>
    <row r="52" spans="1:3" x14ac:dyDescent="0.2">
      <c r="A52" s="64" t="s">
        <v>467</v>
      </c>
      <c r="B52" s="65" t="s">
        <v>148</v>
      </c>
      <c r="C52" s="17" t="s">
        <v>37</v>
      </c>
    </row>
    <row r="53" spans="1:3" x14ac:dyDescent="0.2">
      <c r="A53" s="64" t="s">
        <v>467</v>
      </c>
      <c r="B53" s="65" t="s">
        <v>149</v>
      </c>
      <c r="C53" s="17" t="s">
        <v>37</v>
      </c>
    </row>
    <row r="54" spans="1:3" x14ac:dyDescent="0.2">
      <c r="A54" s="64" t="s">
        <v>467</v>
      </c>
      <c r="B54" s="65" t="s">
        <v>150</v>
      </c>
      <c r="C54" s="17" t="s">
        <v>37</v>
      </c>
    </row>
    <row r="55" spans="1:3" x14ac:dyDescent="0.2">
      <c r="A55" s="64" t="s">
        <v>467</v>
      </c>
      <c r="B55" s="65" t="s">
        <v>152</v>
      </c>
      <c r="C55" s="17" t="s">
        <v>37</v>
      </c>
    </row>
    <row r="56" spans="1:3" x14ac:dyDescent="0.2">
      <c r="A56" s="64" t="s">
        <v>467</v>
      </c>
      <c r="B56" s="65" t="s">
        <v>153</v>
      </c>
      <c r="C56" s="17" t="s">
        <v>37</v>
      </c>
    </row>
    <row r="57" spans="1:3" x14ac:dyDescent="0.2">
      <c r="A57" s="64" t="s">
        <v>467</v>
      </c>
      <c r="B57" s="65" t="s">
        <v>154</v>
      </c>
      <c r="C57" s="17" t="s">
        <v>37</v>
      </c>
    </row>
    <row r="58" spans="1:3" x14ac:dyDescent="0.2">
      <c r="A58" s="64" t="s">
        <v>467</v>
      </c>
      <c r="B58" s="65" t="s">
        <v>156</v>
      </c>
      <c r="C58" s="17" t="s">
        <v>37</v>
      </c>
    </row>
    <row r="59" spans="1:3" x14ac:dyDescent="0.2">
      <c r="A59" s="64" t="s">
        <v>467</v>
      </c>
      <c r="B59" s="65" t="s">
        <v>157</v>
      </c>
      <c r="C59" s="17" t="s">
        <v>37</v>
      </c>
    </row>
    <row r="60" spans="1:3" x14ac:dyDescent="0.2">
      <c r="A60" s="64" t="s">
        <v>467</v>
      </c>
      <c r="B60" s="65" t="s">
        <v>158</v>
      </c>
      <c r="C60" s="17" t="s">
        <v>37</v>
      </c>
    </row>
    <row r="61" spans="1:3" x14ac:dyDescent="0.2">
      <c r="A61" s="64" t="s">
        <v>467</v>
      </c>
      <c r="B61" s="65" t="s">
        <v>160</v>
      </c>
      <c r="C61" s="17" t="s">
        <v>37</v>
      </c>
    </row>
    <row r="62" spans="1:3" x14ac:dyDescent="0.2">
      <c r="A62" s="64" t="s">
        <v>467</v>
      </c>
      <c r="B62" s="65" t="s">
        <v>161</v>
      </c>
      <c r="C62" s="17" t="s">
        <v>37</v>
      </c>
    </row>
    <row r="63" spans="1:3" x14ac:dyDescent="0.2">
      <c r="A63" s="64" t="s">
        <v>467</v>
      </c>
      <c r="B63" s="65" t="s">
        <v>162</v>
      </c>
      <c r="C63" s="17" t="s">
        <v>37</v>
      </c>
    </row>
    <row r="64" spans="1:3" x14ac:dyDescent="0.2">
      <c r="A64" s="64" t="s">
        <v>467</v>
      </c>
      <c r="B64" s="65" t="s">
        <v>163</v>
      </c>
      <c r="C64" s="17" t="s">
        <v>37</v>
      </c>
    </row>
    <row r="65" spans="1:3" x14ac:dyDescent="0.2">
      <c r="A65" s="64" t="s">
        <v>467</v>
      </c>
      <c r="B65" s="65" t="s">
        <v>165</v>
      </c>
      <c r="C65" s="17" t="s">
        <v>37</v>
      </c>
    </row>
    <row r="66" spans="1:3" x14ac:dyDescent="0.2">
      <c r="A66" s="64" t="s">
        <v>467</v>
      </c>
      <c r="B66" s="65" t="s">
        <v>167</v>
      </c>
      <c r="C66" s="17" t="s">
        <v>37</v>
      </c>
    </row>
    <row r="67" spans="1:3" x14ac:dyDescent="0.2">
      <c r="A67" s="64" t="s">
        <v>467</v>
      </c>
      <c r="B67" s="65" t="s">
        <v>168</v>
      </c>
      <c r="C67" s="17" t="s">
        <v>37</v>
      </c>
    </row>
    <row r="68" spans="1:3" x14ac:dyDescent="0.2">
      <c r="A68" s="64" t="s">
        <v>467</v>
      </c>
      <c r="B68" s="65" t="s">
        <v>169</v>
      </c>
      <c r="C68" s="17" t="s">
        <v>37</v>
      </c>
    </row>
    <row r="69" spans="1:3" x14ac:dyDescent="0.2">
      <c r="A69" s="64" t="s">
        <v>467</v>
      </c>
      <c r="B69" s="65" t="s">
        <v>171</v>
      </c>
      <c r="C69" s="17" t="s">
        <v>37</v>
      </c>
    </row>
    <row r="70" spans="1:3" x14ac:dyDescent="0.2">
      <c r="A70" s="64" t="s">
        <v>467</v>
      </c>
      <c r="B70" s="65" t="s">
        <v>173</v>
      </c>
      <c r="C70" s="17" t="s">
        <v>37</v>
      </c>
    </row>
    <row r="71" spans="1:3" x14ac:dyDescent="0.2">
      <c r="A71" s="66" t="s">
        <v>467</v>
      </c>
      <c r="B71" s="67" t="s">
        <v>174</v>
      </c>
      <c r="C71" s="68" t="s">
        <v>37</v>
      </c>
    </row>
  </sheetData>
  <autoFilter ref="A6:C6" xr:uid="{5BDCBDD2-3961-4432-BC92-E959E505CCEF}"/>
  <mergeCells count="1">
    <mergeCell ref="B1:C1"/>
  </mergeCells>
  <phoneticPr fontId="2"/>
  <dataValidations count="1">
    <dataValidation type="list" allowBlank="1" showInputMessage="1" showErrorMessage="1" sqref="IW7:IW65536 SS7:SS65536 ACO7:ACO65536 AMK7:AMK65536 AWG7:AWG65536 BGC7:BGC65536 BPY7:BPY65536 BZU7:BZU65536 CJQ7:CJQ65536 CTM7:CTM65536 DDI7:DDI65536 DNE7:DNE65536 DXA7:DXA65536 EGW7:EGW65536 EQS7:EQS65536 FAO7:FAO65536 FKK7:FKK65536 FUG7:FUG65536 GEC7:GEC65536 GNY7:GNY65536 GXU7:GXU65536 HHQ7:HHQ65536 HRM7:HRM65536 IBI7:IBI65536 ILE7:ILE65536 IVA7:IVA65536 JEW7:JEW65536 JOS7:JOS65536 JYO7:JYO65536 KIK7:KIK65536 KSG7:KSG65536 LCC7:LCC65536 LLY7:LLY65536 LVU7:LVU65536 MFQ7:MFQ65536 MPM7:MPM65536 MZI7:MZI65536 NJE7:NJE65536 NTA7:NTA65536 OCW7:OCW65536 OMS7:OMS65536 OWO7:OWO65536 PGK7:PGK65536 PQG7:PQG65536 QAC7:QAC65536 QJY7:QJY65536 QTU7:QTU65536 RDQ7:RDQ65536 RNM7:RNM65536 RXI7:RXI65536 SHE7:SHE65536 SRA7:SRA65536 TAW7:TAW65536 TKS7:TKS65536 TUO7:TUO65536 UEK7:UEK65536 UOG7:UOG65536 UYC7:UYC65536 VHY7:VHY65536 VRU7:VRU65536 WBQ7:WBQ65536 WLM7:WLM65536 WVI7:WVI65536 IW65543:IW131072 SS65543:SS131072 ACO65543:ACO131072 AMK65543:AMK131072 AWG65543:AWG131072 BGC65543:BGC131072 BPY65543:BPY131072 BZU65543:BZU131072 CJQ65543:CJQ131072 CTM65543:CTM131072 DDI65543:DDI131072 DNE65543:DNE131072 DXA65543:DXA131072 EGW65543:EGW131072 EQS65543:EQS131072 FAO65543:FAO131072 FKK65543:FKK131072 FUG65543:FUG131072 GEC65543:GEC131072 GNY65543:GNY131072 GXU65543:GXU131072 HHQ65543:HHQ131072 HRM65543:HRM131072 IBI65543:IBI131072 ILE65543:ILE131072 IVA65543:IVA131072 JEW65543:JEW131072 JOS65543:JOS131072 JYO65543:JYO131072 KIK65543:KIK131072 KSG65543:KSG131072 LCC65543:LCC131072 LLY65543:LLY131072 LVU65543:LVU131072 MFQ65543:MFQ131072 MPM65543:MPM131072 MZI65543:MZI131072 NJE65543:NJE131072 NTA65543:NTA131072 OCW65543:OCW131072 OMS65543:OMS131072 OWO65543:OWO131072 PGK65543:PGK131072 PQG65543:PQG131072 QAC65543:QAC131072 QJY65543:QJY131072 QTU65543:QTU131072 RDQ65543:RDQ131072 RNM65543:RNM131072 RXI65543:RXI131072 SHE65543:SHE131072 SRA65543:SRA131072 TAW65543:TAW131072 TKS65543:TKS131072 TUO65543:TUO131072 UEK65543:UEK131072 UOG65543:UOG131072 UYC65543:UYC131072 VHY65543:VHY131072 VRU65543:VRU131072 WBQ65543:WBQ131072 WLM65543:WLM131072 WVI65543:WVI131072 IW131079:IW196608 SS131079:SS196608 ACO131079:ACO196608 AMK131079:AMK196608 AWG131079:AWG196608 BGC131079:BGC196608 BPY131079:BPY196608 BZU131079:BZU196608 CJQ131079:CJQ196608 CTM131079:CTM196608 DDI131079:DDI196608 DNE131079:DNE196608 DXA131079:DXA196608 EGW131079:EGW196608 EQS131079:EQS196608 FAO131079:FAO196608 FKK131079:FKK196608 FUG131079:FUG196608 GEC131079:GEC196608 GNY131079:GNY196608 GXU131079:GXU196608 HHQ131079:HHQ196608 HRM131079:HRM196608 IBI131079:IBI196608 ILE131079:ILE196608 IVA131079:IVA196608 JEW131079:JEW196608 JOS131079:JOS196608 JYO131079:JYO196608 KIK131079:KIK196608 KSG131079:KSG196608 LCC131079:LCC196608 LLY131079:LLY196608 LVU131079:LVU196608 MFQ131079:MFQ196608 MPM131079:MPM196608 MZI131079:MZI196608 NJE131079:NJE196608 NTA131079:NTA196608 OCW131079:OCW196608 OMS131079:OMS196608 OWO131079:OWO196608 PGK131079:PGK196608 PQG131079:PQG196608 QAC131079:QAC196608 QJY131079:QJY196608 QTU131079:QTU196608 RDQ131079:RDQ196608 RNM131079:RNM196608 RXI131079:RXI196608 SHE131079:SHE196608 SRA131079:SRA196608 TAW131079:TAW196608 TKS131079:TKS196608 TUO131079:TUO196608 UEK131079:UEK196608 UOG131079:UOG196608 UYC131079:UYC196608 VHY131079:VHY196608 VRU131079:VRU196608 WBQ131079:WBQ196608 WLM131079:WLM196608 WVI131079:WVI196608 IW196615:IW262144 SS196615:SS262144 ACO196615:ACO262144 AMK196615:AMK262144 AWG196615:AWG262144 BGC196615:BGC262144 BPY196615:BPY262144 BZU196615:BZU262144 CJQ196615:CJQ262144 CTM196615:CTM262144 DDI196615:DDI262144 DNE196615:DNE262144 DXA196615:DXA262144 EGW196615:EGW262144 EQS196615:EQS262144 FAO196615:FAO262144 FKK196615:FKK262144 FUG196615:FUG262144 GEC196615:GEC262144 GNY196615:GNY262144 GXU196615:GXU262144 HHQ196615:HHQ262144 HRM196615:HRM262144 IBI196615:IBI262144 ILE196615:ILE262144 IVA196615:IVA262144 JEW196615:JEW262144 JOS196615:JOS262144 JYO196615:JYO262144 KIK196615:KIK262144 KSG196615:KSG262144 LCC196615:LCC262144 LLY196615:LLY262144 LVU196615:LVU262144 MFQ196615:MFQ262144 MPM196615:MPM262144 MZI196615:MZI262144 NJE196615:NJE262144 NTA196615:NTA262144 OCW196615:OCW262144 OMS196615:OMS262144 OWO196615:OWO262144 PGK196615:PGK262144 PQG196615:PQG262144 QAC196615:QAC262144 QJY196615:QJY262144 QTU196615:QTU262144 RDQ196615:RDQ262144 RNM196615:RNM262144 RXI196615:RXI262144 SHE196615:SHE262144 SRA196615:SRA262144 TAW196615:TAW262144 TKS196615:TKS262144 TUO196615:TUO262144 UEK196615:UEK262144 UOG196615:UOG262144 UYC196615:UYC262144 VHY196615:VHY262144 VRU196615:VRU262144 WBQ196615:WBQ262144 WLM196615:WLM262144 WVI196615:WVI262144 IW262151:IW327680 SS262151:SS327680 ACO262151:ACO327680 AMK262151:AMK327680 AWG262151:AWG327680 BGC262151:BGC327680 BPY262151:BPY327680 BZU262151:BZU327680 CJQ262151:CJQ327680 CTM262151:CTM327680 DDI262151:DDI327680 DNE262151:DNE327680 DXA262151:DXA327680 EGW262151:EGW327680 EQS262151:EQS327680 FAO262151:FAO327680 FKK262151:FKK327680 FUG262151:FUG327680 GEC262151:GEC327680 GNY262151:GNY327680 GXU262151:GXU327680 HHQ262151:HHQ327680 HRM262151:HRM327680 IBI262151:IBI327680 ILE262151:ILE327680 IVA262151:IVA327680 JEW262151:JEW327680 JOS262151:JOS327680 JYO262151:JYO327680 KIK262151:KIK327680 KSG262151:KSG327680 LCC262151:LCC327680 LLY262151:LLY327680 LVU262151:LVU327680 MFQ262151:MFQ327680 MPM262151:MPM327680 MZI262151:MZI327680 NJE262151:NJE327680 NTA262151:NTA327680 OCW262151:OCW327680 OMS262151:OMS327680 OWO262151:OWO327680 PGK262151:PGK327680 PQG262151:PQG327680 QAC262151:QAC327680 QJY262151:QJY327680 QTU262151:QTU327680 RDQ262151:RDQ327680 RNM262151:RNM327680 RXI262151:RXI327680 SHE262151:SHE327680 SRA262151:SRA327680 TAW262151:TAW327680 TKS262151:TKS327680 TUO262151:TUO327680 UEK262151:UEK327680 UOG262151:UOG327680 UYC262151:UYC327680 VHY262151:VHY327680 VRU262151:VRU327680 WBQ262151:WBQ327680 WLM262151:WLM327680 WVI262151:WVI327680 IW327687:IW393216 SS327687:SS393216 ACO327687:ACO393216 AMK327687:AMK393216 AWG327687:AWG393216 BGC327687:BGC393216 BPY327687:BPY393216 BZU327687:BZU393216 CJQ327687:CJQ393216 CTM327687:CTM393216 DDI327687:DDI393216 DNE327687:DNE393216 DXA327687:DXA393216 EGW327687:EGW393216 EQS327687:EQS393216 FAO327687:FAO393216 FKK327687:FKK393216 FUG327687:FUG393216 GEC327687:GEC393216 GNY327687:GNY393216 GXU327687:GXU393216 HHQ327687:HHQ393216 HRM327687:HRM393216 IBI327687:IBI393216 ILE327687:ILE393216 IVA327687:IVA393216 JEW327687:JEW393216 JOS327687:JOS393216 JYO327687:JYO393216 KIK327687:KIK393216 KSG327687:KSG393216 LCC327687:LCC393216 LLY327687:LLY393216 LVU327687:LVU393216 MFQ327687:MFQ393216 MPM327687:MPM393216 MZI327687:MZI393216 NJE327687:NJE393216 NTA327687:NTA393216 OCW327687:OCW393216 OMS327687:OMS393216 OWO327687:OWO393216 PGK327687:PGK393216 PQG327687:PQG393216 QAC327687:QAC393216 QJY327687:QJY393216 QTU327687:QTU393216 RDQ327687:RDQ393216 RNM327687:RNM393216 RXI327687:RXI393216 SHE327687:SHE393216 SRA327687:SRA393216 TAW327687:TAW393216 TKS327687:TKS393216 TUO327687:TUO393216 UEK327687:UEK393216 UOG327687:UOG393216 UYC327687:UYC393216 VHY327687:VHY393216 VRU327687:VRU393216 WBQ327687:WBQ393216 WLM327687:WLM393216 WVI327687:WVI393216 IW393223:IW458752 SS393223:SS458752 ACO393223:ACO458752 AMK393223:AMK458752 AWG393223:AWG458752 BGC393223:BGC458752 BPY393223:BPY458752 BZU393223:BZU458752 CJQ393223:CJQ458752 CTM393223:CTM458752 DDI393223:DDI458752 DNE393223:DNE458752 DXA393223:DXA458752 EGW393223:EGW458752 EQS393223:EQS458752 FAO393223:FAO458752 FKK393223:FKK458752 FUG393223:FUG458752 GEC393223:GEC458752 GNY393223:GNY458752 GXU393223:GXU458752 HHQ393223:HHQ458752 HRM393223:HRM458752 IBI393223:IBI458752 ILE393223:ILE458752 IVA393223:IVA458752 JEW393223:JEW458752 JOS393223:JOS458752 JYO393223:JYO458752 KIK393223:KIK458752 KSG393223:KSG458752 LCC393223:LCC458752 LLY393223:LLY458752 LVU393223:LVU458752 MFQ393223:MFQ458752 MPM393223:MPM458752 MZI393223:MZI458752 NJE393223:NJE458752 NTA393223:NTA458752 OCW393223:OCW458752 OMS393223:OMS458752 OWO393223:OWO458752 PGK393223:PGK458752 PQG393223:PQG458752 QAC393223:QAC458752 QJY393223:QJY458752 QTU393223:QTU458752 RDQ393223:RDQ458752 RNM393223:RNM458752 RXI393223:RXI458752 SHE393223:SHE458752 SRA393223:SRA458752 TAW393223:TAW458752 TKS393223:TKS458752 TUO393223:TUO458752 UEK393223:UEK458752 UOG393223:UOG458752 UYC393223:UYC458752 VHY393223:VHY458752 VRU393223:VRU458752 WBQ393223:WBQ458752 WLM393223:WLM458752 WVI393223:WVI458752 IW458759:IW524288 SS458759:SS524288 ACO458759:ACO524288 AMK458759:AMK524288 AWG458759:AWG524288 BGC458759:BGC524288 BPY458759:BPY524288 BZU458759:BZU524288 CJQ458759:CJQ524288 CTM458759:CTM524288 DDI458759:DDI524288 DNE458759:DNE524288 DXA458759:DXA524288 EGW458759:EGW524288 EQS458759:EQS524288 FAO458759:FAO524288 FKK458759:FKK524288 FUG458759:FUG524288 GEC458759:GEC524288 GNY458759:GNY524288 GXU458759:GXU524288 HHQ458759:HHQ524288 HRM458759:HRM524288 IBI458759:IBI524288 ILE458759:ILE524288 IVA458759:IVA524288 JEW458759:JEW524288 JOS458759:JOS524288 JYO458759:JYO524288 KIK458759:KIK524288 KSG458759:KSG524288 LCC458759:LCC524288 LLY458759:LLY524288 LVU458759:LVU524288 MFQ458759:MFQ524288 MPM458759:MPM524288 MZI458759:MZI524288 NJE458759:NJE524288 NTA458759:NTA524288 OCW458759:OCW524288 OMS458759:OMS524288 OWO458759:OWO524288 PGK458759:PGK524288 PQG458759:PQG524288 QAC458759:QAC524288 QJY458759:QJY524288 QTU458759:QTU524288 RDQ458759:RDQ524288 RNM458759:RNM524288 RXI458759:RXI524288 SHE458759:SHE524288 SRA458759:SRA524288 TAW458759:TAW524288 TKS458759:TKS524288 TUO458759:TUO524288 UEK458759:UEK524288 UOG458759:UOG524288 UYC458759:UYC524288 VHY458759:VHY524288 VRU458759:VRU524288 WBQ458759:WBQ524288 WLM458759:WLM524288 WVI458759:WVI524288 IW524295:IW589824 SS524295:SS589824 ACO524295:ACO589824 AMK524295:AMK589824 AWG524295:AWG589824 BGC524295:BGC589824 BPY524295:BPY589824 BZU524295:BZU589824 CJQ524295:CJQ589824 CTM524295:CTM589824 DDI524295:DDI589824 DNE524295:DNE589824 DXA524295:DXA589824 EGW524295:EGW589824 EQS524295:EQS589824 FAO524295:FAO589824 FKK524295:FKK589824 FUG524295:FUG589824 GEC524295:GEC589824 GNY524295:GNY589824 GXU524295:GXU589824 HHQ524295:HHQ589824 HRM524295:HRM589824 IBI524295:IBI589824 ILE524295:ILE589824 IVA524295:IVA589824 JEW524295:JEW589824 JOS524295:JOS589824 JYO524295:JYO589824 KIK524295:KIK589824 KSG524295:KSG589824 LCC524295:LCC589824 LLY524295:LLY589824 LVU524295:LVU589824 MFQ524295:MFQ589824 MPM524295:MPM589824 MZI524295:MZI589824 NJE524295:NJE589824 NTA524295:NTA589824 OCW524295:OCW589824 OMS524295:OMS589824 OWO524295:OWO589824 PGK524295:PGK589824 PQG524295:PQG589824 QAC524295:QAC589824 QJY524295:QJY589824 QTU524295:QTU589824 RDQ524295:RDQ589824 RNM524295:RNM589824 RXI524295:RXI589824 SHE524295:SHE589824 SRA524295:SRA589824 TAW524295:TAW589824 TKS524295:TKS589824 TUO524295:TUO589824 UEK524295:UEK589824 UOG524295:UOG589824 UYC524295:UYC589824 VHY524295:VHY589824 VRU524295:VRU589824 WBQ524295:WBQ589824 WLM524295:WLM589824 WVI524295:WVI589824 IW589831:IW655360 SS589831:SS655360 ACO589831:ACO655360 AMK589831:AMK655360 AWG589831:AWG655360 BGC589831:BGC655360 BPY589831:BPY655360 BZU589831:BZU655360 CJQ589831:CJQ655360 CTM589831:CTM655360 DDI589831:DDI655360 DNE589831:DNE655360 DXA589831:DXA655360 EGW589831:EGW655360 EQS589831:EQS655360 FAO589831:FAO655360 FKK589831:FKK655360 FUG589831:FUG655360 GEC589831:GEC655360 GNY589831:GNY655360 GXU589831:GXU655360 HHQ589831:HHQ655360 HRM589831:HRM655360 IBI589831:IBI655360 ILE589831:ILE655360 IVA589831:IVA655360 JEW589831:JEW655360 JOS589831:JOS655360 JYO589831:JYO655360 KIK589831:KIK655360 KSG589831:KSG655360 LCC589831:LCC655360 LLY589831:LLY655360 LVU589831:LVU655360 MFQ589831:MFQ655360 MPM589831:MPM655360 MZI589831:MZI655360 NJE589831:NJE655360 NTA589831:NTA655360 OCW589831:OCW655360 OMS589831:OMS655360 OWO589831:OWO655360 PGK589831:PGK655360 PQG589831:PQG655360 QAC589831:QAC655360 QJY589831:QJY655360 QTU589831:QTU655360 RDQ589831:RDQ655360 RNM589831:RNM655360 RXI589831:RXI655360 SHE589831:SHE655360 SRA589831:SRA655360 TAW589831:TAW655360 TKS589831:TKS655360 TUO589831:TUO655360 UEK589831:UEK655360 UOG589831:UOG655360 UYC589831:UYC655360 VHY589831:VHY655360 VRU589831:VRU655360 WBQ589831:WBQ655360 WLM589831:WLM655360 WVI589831:WVI655360 IW655367:IW720896 SS655367:SS720896 ACO655367:ACO720896 AMK655367:AMK720896 AWG655367:AWG720896 BGC655367:BGC720896 BPY655367:BPY720896 BZU655367:BZU720896 CJQ655367:CJQ720896 CTM655367:CTM720896 DDI655367:DDI720896 DNE655367:DNE720896 DXA655367:DXA720896 EGW655367:EGW720896 EQS655367:EQS720896 FAO655367:FAO720896 FKK655367:FKK720896 FUG655367:FUG720896 GEC655367:GEC720896 GNY655367:GNY720896 GXU655367:GXU720896 HHQ655367:HHQ720896 HRM655367:HRM720896 IBI655367:IBI720896 ILE655367:ILE720896 IVA655367:IVA720896 JEW655367:JEW720896 JOS655367:JOS720896 JYO655367:JYO720896 KIK655367:KIK720896 KSG655367:KSG720896 LCC655367:LCC720896 LLY655367:LLY720896 LVU655367:LVU720896 MFQ655367:MFQ720896 MPM655367:MPM720896 MZI655367:MZI720896 NJE655367:NJE720896 NTA655367:NTA720896 OCW655367:OCW720896 OMS655367:OMS720896 OWO655367:OWO720896 PGK655367:PGK720896 PQG655367:PQG720896 QAC655367:QAC720896 QJY655367:QJY720896 QTU655367:QTU720896 RDQ655367:RDQ720896 RNM655367:RNM720896 RXI655367:RXI720896 SHE655367:SHE720896 SRA655367:SRA720896 TAW655367:TAW720896 TKS655367:TKS720896 TUO655367:TUO720896 UEK655367:UEK720896 UOG655367:UOG720896 UYC655367:UYC720896 VHY655367:VHY720896 VRU655367:VRU720896 WBQ655367:WBQ720896 WLM655367:WLM720896 WVI655367:WVI720896 IW720903:IW786432 SS720903:SS786432 ACO720903:ACO786432 AMK720903:AMK786432 AWG720903:AWG786432 BGC720903:BGC786432 BPY720903:BPY786432 BZU720903:BZU786432 CJQ720903:CJQ786432 CTM720903:CTM786432 DDI720903:DDI786432 DNE720903:DNE786432 DXA720903:DXA786432 EGW720903:EGW786432 EQS720903:EQS786432 FAO720903:FAO786432 FKK720903:FKK786432 FUG720903:FUG786432 GEC720903:GEC786432 GNY720903:GNY786432 GXU720903:GXU786432 HHQ720903:HHQ786432 HRM720903:HRM786432 IBI720903:IBI786432 ILE720903:ILE786432 IVA720903:IVA786432 JEW720903:JEW786432 JOS720903:JOS786432 JYO720903:JYO786432 KIK720903:KIK786432 KSG720903:KSG786432 LCC720903:LCC786432 LLY720903:LLY786432 LVU720903:LVU786432 MFQ720903:MFQ786432 MPM720903:MPM786432 MZI720903:MZI786432 NJE720903:NJE786432 NTA720903:NTA786432 OCW720903:OCW786432 OMS720903:OMS786432 OWO720903:OWO786432 PGK720903:PGK786432 PQG720903:PQG786432 QAC720903:QAC786432 QJY720903:QJY786432 QTU720903:QTU786432 RDQ720903:RDQ786432 RNM720903:RNM786432 RXI720903:RXI786432 SHE720903:SHE786432 SRA720903:SRA786432 TAW720903:TAW786432 TKS720903:TKS786432 TUO720903:TUO786432 UEK720903:UEK786432 UOG720903:UOG786432 UYC720903:UYC786432 VHY720903:VHY786432 VRU720903:VRU786432 WBQ720903:WBQ786432 WLM720903:WLM786432 WVI720903:WVI786432 IW786439:IW851968 SS786439:SS851968 ACO786439:ACO851968 AMK786439:AMK851968 AWG786439:AWG851968 BGC786439:BGC851968 BPY786439:BPY851968 BZU786439:BZU851968 CJQ786439:CJQ851968 CTM786439:CTM851968 DDI786439:DDI851968 DNE786439:DNE851968 DXA786439:DXA851968 EGW786439:EGW851968 EQS786439:EQS851968 FAO786439:FAO851968 FKK786439:FKK851968 FUG786439:FUG851968 GEC786439:GEC851968 GNY786439:GNY851968 GXU786439:GXU851968 HHQ786439:HHQ851968 HRM786439:HRM851968 IBI786439:IBI851968 ILE786439:ILE851968 IVA786439:IVA851968 JEW786439:JEW851968 JOS786439:JOS851968 JYO786439:JYO851968 KIK786439:KIK851968 KSG786439:KSG851968 LCC786439:LCC851968 LLY786439:LLY851968 LVU786439:LVU851968 MFQ786439:MFQ851968 MPM786439:MPM851968 MZI786439:MZI851968 NJE786439:NJE851968 NTA786439:NTA851968 OCW786439:OCW851968 OMS786439:OMS851968 OWO786439:OWO851968 PGK786439:PGK851968 PQG786439:PQG851968 QAC786439:QAC851968 QJY786439:QJY851968 QTU786439:QTU851968 RDQ786439:RDQ851968 RNM786439:RNM851968 RXI786439:RXI851968 SHE786439:SHE851968 SRA786439:SRA851968 TAW786439:TAW851968 TKS786439:TKS851968 TUO786439:TUO851968 UEK786439:UEK851968 UOG786439:UOG851968 UYC786439:UYC851968 VHY786439:VHY851968 VRU786439:VRU851968 WBQ786439:WBQ851968 WLM786439:WLM851968 WVI786439:WVI851968 IW851975:IW917504 SS851975:SS917504 ACO851975:ACO917504 AMK851975:AMK917504 AWG851975:AWG917504 BGC851975:BGC917504 BPY851975:BPY917504 BZU851975:BZU917504 CJQ851975:CJQ917504 CTM851975:CTM917504 DDI851975:DDI917504 DNE851975:DNE917504 DXA851975:DXA917504 EGW851975:EGW917504 EQS851975:EQS917504 FAO851975:FAO917504 FKK851975:FKK917504 FUG851975:FUG917504 GEC851975:GEC917504 GNY851975:GNY917504 GXU851975:GXU917504 HHQ851975:HHQ917504 HRM851975:HRM917504 IBI851975:IBI917504 ILE851975:ILE917504 IVA851975:IVA917504 JEW851975:JEW917504 JOS851975:JOS917504 JYO851975:JYO917504 KIK851975:KIK917504 KSG851975:KSG917504 LCC851975:LCC917504 LLY851975:LLY917504 LVU851975:LVU917504 MFQ851975:MFQ917504 MPM851975:MPM917504 MZI851975:MZI917504 NJE851975:NJE917504 NTA851975:NTA917504 OCW851975:OCW917504 OMS851975:OMS917504 OWO851975:OWO917504 PGK851975:PGK917504 PQG851975:PQG917504 QAC851975:QAC917504 QJY851975:QJY917504 QTU851975:QTU917504 RDQ851975:RDQ917504 RNM851975:RNM917504 RXI851975:RXI917504 SHE851975:SHE917504 SRA851975:SRA917504 TAW851975:TAW917504 TKS851975:TKS917504 TUO851975:TUO917504 UEK851975:UEK917504 UOG851975:UOG917504 UYC851975:UYC917504 VHY851975:VHY917504 VRU851975:VRU917504 WBQ851975:WBQ917504 WLM851975:WLM917504 WVI851975:WVI917504 IW917511:IW983040 SS917511:SS983040 ACO917511:ACO983040 AMK917511:AMK983040 AWG917511:AWG983040 BGC917511:BGC983040 BPY917511:BPY983040 BZU917511:BZU983040 CJQ917511:CJQ983040 CTM917511:CTM983040 DDI917511:DDI983040 DNE917511:DNE983040 DXA917511:DXA983040 EGW917511:EGW983040 EQS917511:EQS983040 FAO917511:FAO983040 FKK917511:FKK983040 FUG917511:FUG983040 GEC917511:GEC983040 GNY917511:GNY983040 GXU917511:GXU983040 HHQ917511:HHQ983040 HRM917511:HRM983040 IBI917511:IBI983040 ILE917511:ILE983040 IVA917511:IVA983040 JEW917511:JEW983040 JOS917511:JOS983040 JYO917511:JYO983040 KIK917511:KIK983040 KSG917511:KSG983040 LCC917511:LCC983040 LLY917511:LLY983040 LVU917511:LVU983040 MFQ917511:MFQ983040 MPM917511:MPM983040 MZI917511:MZI983040 NJE917511:NJE983040 NTA917511:NTA983040 OCW917511:OCW983040 OMS917511:OMS983040 OWO917511:OWO983040 PGK917511:PGK983040 PQG917511:PQG983040 QAC917511:QAC983040 QJY917511:QJY983040 QTU917511:QTU983040 RDQ917511:RDQ983040 RNM917511:RNM983040 RXI917511:RXI983040 SHE917511:SHE983040 SRA917511:SRA983040 TAW917511:TAW983040 TKS917511:TKS983040 TUO917511:TUO983040 UEK917511:UEK983040 UOG917511:UOG983040 UYC917511:UYC983040 VHY917511:VHY983040 VRU917511:VRU983040 WBQ917511:WBQ983040 WLM917511:WLM983040 WVI917511:WVI983040 IW983047:IW1048576 SS983047:SS1048576 ACO983047:ACO1048576 AMK983047:AMK1048576 AWG983047:AWG1048576 BGC983047:BGC1048576 BPY983047:BPY1048576 BZU983047:BZU1048576 CJQ983047:CJQ1048576 CTM983047:CTM1048576 DDI983047:DDI1048576 DNE983047:DNE1048576 DXA983047:DXA1048576 EGW983047:EGW1048576 EQS983047:EQS1048576 FAO983047:FAO1048576 FKK983047:FKK1048576 FUG983047:FUG1048576 GEC983047:GEC1048576 GNY983047:GNY1048576 GXU983047:GXU1048576 HHQ983047:HHQ1048576 HRM983047:HRM1048576 IBI983047:IBI1048576 ILE983047:ILE1048576 IVA983047:IVA1048576 JEW983047:JEW1048576 JOS983047:JOS1048576 JYO983047:JYO1048576 KIK983047:KIK1048576 KSG983047:KSG1048576 LCC983047:LCC1048576 LLY983047:LLY1048576 LVU983047:LVU1048576 MFQ983047:MFQ1048576 MPM983047:MPM1048576 MZI983047:MZI1048576 NJE983047:NJE1048576 NTA983047:NTA1048576 OCW983047:OCW1048576 OMS983047:OMS1048576 OWO983047:OWO1048576 PGK983047:PGK1048576 PQG983047:PQG1048576 QAC983047:QAC1048576 QJY983047:QJY1048576 QTU983047:QTU1048576 RDQ983047:RDQ1048576 RNM983047:RNM1048576 RXI983047:RXI1048576 SHE983047:SHE1048576 SRA983047:SRA1048576 TAW983047:TAW1048576 TKS983047:TKS1048576 TUO983047:TUO1048576 UEK983047:UEK1048576 UOG983047:UOG1048576 UYC983047:UYC1048576 VHY983047:VHY1048576 VRU983047:VRU1048576 WBQ983047:WBQ1048576 WLM983047:WLM1048576 WVI983047:WVI1048576" xr:uid="{77076853-51A9-447D-9EAF-8BB0AB21454F}">
      <formula1>"円グラフ,棒グラフ,帯グラフ,帯（５段階評価）,帯（７段階評価）,折線グラフ"</formula1>
    </dataValidation>
  </dataValidations>
  <hyperlinks>
    <hyperlink ref="B5" location="Details!A1" display="調査概要・集計条件詳細" xr:uid="{79F054DE-64A8-4398-81B0-7CBCEF9350D5}"/>
    <hyperlink ref="A7" location="Table!A1" display="数表" xr:uid="{646AE48C-288E-4BC7-9FBF-6EC54DA969BD}"/>
    <hyperlink ref="A8" location="Table!A53" display="数表" xr:uid="{9EFEFA8F-4CFE-4DB1-AA0F-FFCD2E90F213}"/>
    <hyperlink ref="A9" location="Table!A105" display="数表" xr:uid="{42F059F5-92DF-4FCB-994E-AEA81D17D60D}"/>
    <hyperlink ref="A10" location="Table!A153" display="数表" xr:uid="{2EB82FAB-9118-401E-93A6-161CB60D5697}"/>
    <hyperlink ref="A11" location="Table!A201" display="数表" xr:uid="{0542B8D1-9D65-468F-AF80-2420E3AF258F}"/>
    <hyperlink ref="A12" location="Table!A253" display="数表" xr:uid="{783277F1-B61C-49C9-A839-223936209458}"/>
    <hyperlink ref="A13" location="Table!A305" display="数表" xr:uid="{7CBB37D1-2C3C-402B-BE98-F7FCE07FD941}"/>
    <hyperlink ref="A14" location="Table!A353" display="数表" xr:uid="{E4E43BDB-BCBF-42DD-AA5B-F0F328B9849F}"/>
    <hyperlink ref="A15" location="Table!A401" display="数表" xr:uid="{C6AC32D2-6727-40D8-984F-33D3A65F8BD8}"/>
    <hyperlink ref="A16" location="Table!A453" display="数表" xr:uid="{D5D9DCA6-FDE9-4B4E-828E-FEE61CCE95B0}"/>
    <hyperlink ref="A17" location="Table!A501" display="数表" xr:uid="{B150CD7E-4DF1-4D91-A8E3-97EFD41101C1}"/>
    <hyperlink ref="A18" location="Table!A553" display="数表" xr:uid="{0F764085-3206-4448-BCBF-26EF9A3A6EEA}"/>
    <hyperlink ref="A19" location="Table!A605" display="数表" xr:uid="{BC42699C-996B-4C90-8801-093E58F50376}"/>
    <hyperlink ref="A20" location="Table!A657" display="数表" xr:uid="{023E5B8B-DACB-460E-9BAE-12E00330D4EB}"/>
    <hyperlink ref="A21" location="Table!A709" display="数表" xr:uid="{597BFCE1-A6F4-461B-8540-3CAD9CEDABCB}"/>
    <hyperlink ref="A22" location="Table!A757" display="数表" xr:uid="{430DC0E0-8823-4AF3-85A0-F92799891AF4}"/>
    <hyperlink ref="A23" location="Table!A805" display="数表" xr:uid="{29E98116-C2F1-479E-9B4D-9D98DDD2B092}"/>
    <hyperlink ref="A24" location="Table!A853" display="数表" xr:uid="{2E0788A6-FBBA-411F-B322-53FAC563ABB5}"/>
    <hyperlink ref="A25" location="Table!A901" display="数表" xr:uid="{C01C9F6E-7CD4-4824-A094-211C32EDA7EE}"/>
    <hyperlink ref="A26" location="Table!A953" display="数表" xr:uid="{23C1EB67-2C93-4EE4-A6E0-6277FB5BC980}"/>
    <hyperlink ref="A27" location="Table!A1005" display="数表" xr:uid="{1CE6D550-5FF8-4D35-B7C8-0DB327F58B82}"/>
    <hyperlink ref="A28" location="Table!A1057" display="数表" xr:uid="{90557662-FCC3-4F31-96B5-7BA5D47DDB3D}"/>
    <hyperlink ref="A29" location="Table!A1109" display="数表" xr:uid="{B2DF98EF-8E21-40B2-9689-226EFEFC4603}"/>
    <hyperlink ref="A30" location="Table!A1161" display="数表" xr:uid="{527131D9-A852-494D-B218-076FBAEBF7EC}"/>
    <hyperlink ref="A31" location="Table!A1213" display="数表" xr:uid="{0A59A1DE-94C9-4D1E-B590-433DE9BB3671}"/>
    <hyperlink ref="A32" location="Table!A1265" display="数表" xr:uid="{1FF7CE7C-A226-4B08-BBBE-F48CFB8542D4}"/>
    <hyperlink ref="A33" location="Table!A1317" display="数表" xr:uid="{D156D4F4-2797-490A-B2EB-5E2581A766A1}"/>
    <hyperlink ref="A34" location="Table!A1369" display="数表" xr:uid="{02CEFA01-9606-41F0-9757-1F5B78BD4AF1}"/>
    <hyperlink ref="A35" location="Table!A1417" display="数表" xr:uid="{FC1EEEDA-2182-4E60-A37D-972A4DA2B8FA}"/>
    <hyperlink ref="A36" location="Table!A1469" display="数表" xr:uid="{3189754D-6972-44FF-95E8-49C075BDC297}"/>
    <hyperlink ref="A37" location="Table!A1521" display="数表" xr:uid="{4A68E10C-6B4F-475F-84AB-E81F71247FAD}"/>
    <hyperlink ref="A38" location="Table!A1573" display="数表" xr:uid="{CC8ECF01-AFA9-4EC0-BA9D-DF8C5E338F90}"/>
    <hyperlink ref="A39" location="Table!A1621" display="数表" xr:uid="{1FC03F7D-EDDE-47EC-A937-2F6BCB05EBE3}"/>
    <hyperlink ref="A40" location="Table!A1673" display="数表" xr:uid="{4F46873F-1E94-4A9E-8591-3B90C99FAC05}"/>
    <hyperlink ref="A41" location="Table!A1725" display="数表" xr:uid="{6D197C24-685E-48AB-B506-2AAA6A346173}"/>
    <hyperlink ref="A42" location="Table!A1777" display="数表" xr:uid="{17A73FC2-0091-4287-964C-A56E5B984C72}"/>
    <hyperlink ref="A43" location="Table!A1825" display="数表" xr:uid="{AA1B4B39-4140-4531-BB00-58CC57749062}"/>
    <hyperlink ref="A44" location="Table!A1877" display="数表" xr:uid="{565F3FDE-6C71-4809-B02C-6ED721BB4328}"/>
    <hyperlink ref="A45" location="Table!A1929" display="数表" xr:uid="{CE82BF19-B026-443A-BEFA-184198FF75A0}"/>
    <hyperlink ref="A46" location="Table!A1977" display="数表" xr:uid="{316B5AA4-C65D-4DB6-A754-F72DC931DEAF}"/>
    <hyperlink ref="A47" location="Table!A2029" display="数表" xr:uid="{459168AB-A113-4662-87F6-461E6924EBC0}"/>
    <hyperlink ref="A48" location="Table!A2081" display="数表" xr:uid="{F08FB471-F6DD-4512-B4E1-5081D4C01BD6}"/>
    <hyperlink ref="A49" location="Table!A2129" display="数表" xr:uid="{5C65A11F-7C8A-42A4-BA32-62714526D20E}"/>
    <hyperlink ref="A50" location="Table!A2181" display="数表" xr:uid="{9C9CF3BB-49F5-4BA3-8BB0-454C56F2AE81}"/>
    <hyperlink ref="A51" location="Table!A2233" display="数表" xr:uid="{C8BFAF96-2AAA-4DD5-8C59-472EB5E950EE}"/>
    <hyperlink ref="A52" location="Table!A2285" display="数表" xr:uid="{C41BE219-E5A1-47C1-8F6E-096B6F07348E}"/>
    <hyperlink ref="A53" location="Table!A2333" display="数表" xr:uid="{5D768510-5CB5-43FF-97B5-4B9D7FEC6482}"/>
    <hyperlink ref="A54" location="Table!A2381" display="数表" xr:uid="{DA964F76-DAB4-4E6F-BC1B-6ED87D851EF8}"/>
    <hyperlink ref="A55" location="Table!A2433" display="数表" xr:uid="{59AAD208-DF01-4FBE-AD93-A8986E10B6D9}"/>
    <hyperlink ref="A56" location="Table!A2481" display="数表" xr:uid="{A4EF04F1-7E6D-4FFD-92CC-ACBFCEA13623}"/>
    <hyperlink ref="A57" location="Table!A2529" display="数表" xr:uid="{09D386FA-9B2D-46EF-9D53-B3456944E510}"/>
    <hyperlink ref="A58" location="Table!A2581" display="数表" xr:uid="{116046C0-363B-4A88-8F02-5040521D2736}"/>
    <hyperlink ref="A59" location="Table!A2629" display="数表" xr:uid="{29CE7C42-B41E-4030-ADE8-9927C57C0CFF}"/>
    <hyperlink ref="A60" location="Table!A2677" display="数表" xr:uid="{C97D4B9B-0CBE-416A-B573-33C50897EC2A}"/>
    <hyperlink ref="A61" location="Table!A2729" display="数表" xr:uid="{EBBF3C77-9250-4B6B-9854-FD5F124EA10B}"/>
    <hyperlink ref="A62" location="Table!A2777" display="数表" xr:uid="{94FAD861-C371-4CF2-9A94-D35128A40CEF}"/>
    <hyperlink ref="A63" location="Table!A2825" display="数表" xr:uid="{5B162FC9-B6BD-4062-8EBA-5F5DA01F7E34}"/>
    <hyperlink ref="A64" location="Table!A2873" display="数表" xr:uid="{46ADB651-8ECE-4195-8A6C-64D11E835E24}"/>
    <hyperlink ref="A65" location="Table!A2925" display="数表" xr:uid="{3A27079D-D43B-4FA5-ADA4-DCBB3473BA90}"/>
    <hyperlink ref="A66" location="Table!A2977" display="数表" xr:uid="{2BA49255-ED30-4EA9-B7EB-DDF80BDC0537}"/>
    <hyperlink ref="A67" location="Table!A3025" display="数表" xr:uid="{96806989-3844-4F38-AEA1-9AAA08B2450C}"/>
    <hyperlink ref="A68" location="Table!A3073" display="数表" xr:uid="{6B97B676-5022-40CE-857B-82954CF17CEF}"/>
    <hyperlink ref="A69" location="Table!A3125" display="数表" xr:uid="{2BC5C641-0C26-479D-8391-531A89BBC888}"/>
    <hyperlink ref="A70" location="Table!A3177" display="数表" xr:uid="{B52D4590-F7EE-4961-BDB7-E20FE50C934C}"/>
    <hyperlink ref="A71" location="Table!A3225" display="数表" xr:uid="{12B32865-FA7D-49EB-97D7-527FD75412F8}"/>
  </hyperlinks>
  <pageMargins left="0.59055118110236227" right="0.39370078740157483" top="0.98425196850393704" bottom="0.98425196850393704" header="0.51181102362204722" footer="0.51181102362204722"/>
  <pageSetup paperSize="9" orientation="landscape" r:id="rId1"/>
  <headerFooter alignWithMargins="0">
    <oddFooter>&amp;R&amp;9&amp;P/&amp;N&amp;L&amp;9</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3B4E1C-4F2E-4D43-B1D5-C10FEACF4290}">
  <dimension ref="A1:E19"/>
  <sheetViews>
    <sheetView showGridLines="0" zoomScaleNormal="100" workbookViewId="0"/>
  </sheetViews>
  <sheetFormatPr defaultRowHeight="13.2" x14ac:dyDescent="0.2"/>
  <cols>
    <col min="1" max="1" width="5.6640625" customWidth="1"/>
    <col min="2" max="2" width="13.6640625" customWidth="1"/>
    <col min="3" max="3" width="11.6640625" style="6" customWidth="1"/>
    <col min="4" max="4" width="110.6640625" customWidth="1"/>
    <col min="257" max="257" width="5.6640625" customWidth="1"/>
    <col min="258" max="258" width="13.6640625" customWidth="1"/>
    <col min="259" max="259" width="11.6640625" customWidth="1"/>
    <col min="260" max="260" width="110.6640625" customWidth="1"/>
    <col min="513" max="513" width="5.6640625" customWidth="1"/>
    <col min="514" max="514" width="13.6640625" customWidth="1"/>
    <col min="515" max="515" width="11.6640625" customWidth="1"/>
    <col min="516" max="516" width="110.6640625" customWidth="1"/>
    <col min="769" max="769" width="5.6640625" customWidth="1"/>
    <col min="770" max="770" width="13.6640625" customWidth="1"/>
    <col min="771" max="771" width="11.6640625" customWidth="1"/>
    <col min="772" max="772" width="110.6640625" customWidth="1"/>
    <col min="1025" max="1025" width="5.6640625" customWidth="1"/>
    <col min="1026" max="1026" width="13.6640625" customWidth="1"/>
    <col min="1027" max="1027" width="11.6640625" customWidth="1"/>
    <col min="1028" max="1028" width="110.6640625" customWidth="1"/>
    <col min="1281" max="1281" width="5.6640625" customWidth="1"/>
    <col min="1282" max="1282" width="13.6640625" customWidth="1"/>
    <col min="1283" max="1283" width="11.6640625" customWidth="1"/>
    <col min="1284" max="1284" width="110.6640625" customWidth="1"/>
    <col min="1537" max="1537" width="5.6640625" customWidth="1"/>
    <col min="1538" max="1538" width="13.6640625" customWidth="1"/>
    <col min="1539" max="1539" width="11.6640625" customWidth="1"/>
    <col min="1540" max="1540" width="110.6640625" customWidth="1"/>
    <col min="1793" max="1793" width="5.6640625" customWidth="1"/>
    <col min="1794" max="1794" width="13.6640625" customWidth="1"/>
    <col min="1795" max="1795" width="11.6640625" customWidth="1"/>
    <col min="1796" max="1796" width="110.6640625" customWidth="1"/>
    <col min="2049" max="2049" width="5.6640625" customWidth="1"/>
    <col min="2050" max="2050" width="13.6640625" customWidth="1"/>
    <col min="2051" max="2051" width="11.6640625" customWidth="1"/>
    <col min="2052" max="2052" width="110.6640625" customWidth="1"/>
    <col min="2305" max="2305" width="5.6640625" customWidth="1"/>
    <col min="2306" max="2306" width="13.6640625" customWidth="1"/>
    <col min="2307" max="2307" width="11.6640625" customWidth="1"/>
    <col min="2308" max="2308" width="110.6640625" customWidth="1"/>
    <col min="2561" max="2561" width="5.6640625" customWidth="1"/>
    <col min="2562" max="2562" width="13.6640625" customWidth="1"/>
    <col min="2563" max="2563" width="11.6640625" customWidth="1"/>
    <col min="2564" max="2564" width="110.6640625" customWidth="1"/>
    <col min="2817" max="2817" width="5.6640625" customWidth="1"/>
    <col min="2818" max="2818" width="13.6640625" customWidth="1"/>
    <col min="2819" max="2819" width="11.6640625" customWidth="1"/>
    <col min="2820" max="2820" width="110.6640625" customWidth="1"/>
    <col min="3073" max="3073" width="5.6640625" customWidth="1"/>
    <col min="3074" max="3074" width="13.6640625" customWidth="1"/>
    <col min="3075" max="3075" width="11.6640625" customWidth="1"/>
    <col min="3076" max="3076" width="110.6640625" customWidth="1"/>
    <col min="3329" max="3329" width="5.6640625" customWidth="1"/>
    <col min="3330" max="3330" width="13.6640625" customWidth="1"/>
    <col min="3331" max="3331" width="11.6640625" customWidth="1"/>
    <col min="3332" max="3332" width="110.6640625" customWidth="1"/>
    <col min="3585" max="3585" width="5.6640625" customWidth="1"/>
    <col min="3586" max="3586" width="13.6640625" customWidth="1"/>
    <col min="3587" max="3587" width="11.6640625" customWidth="1"/>
    <col min="3588" max="3588" width="110.6640625" customWidth="1"/>
    <col min="3841" max="3841" width="5.6640625" customWidth="1"/>
    <col min="3842" max="3842" width="13.6640625" customWidth="1"/>
    <col min="3843" max="3843" width="11.6640625" customWidth="1"/>
    <col min="3844" max="3844" width="110.6640625" customWidth="1"/>
    <col min="4097" max="4097" width="5.6640625" customWidth="1"/>
    <col min="4098" max="4098" width="13.6640625" customWidth="1"/>
    <col min="4099" max="4099" width="11.6640625" customWidth="1"/>
    <col min="4100" max="4100" width="110.6640625" customWidth="1"/>
    <col min="4353" max="4353" width="5.6640625" customWidth="1"/>
    <col min="4354" max="4354" width="13.6640625" customWidth="1"/>
    <col min="4355" max="4355" width="11.6640625" customWidth="1"/>
    <col min="4356" max="4356" width="110.6640625" customWidth="1"/>
    <col min="4609" max="4609" width="5.6640625" customWidth="1"/>
    <col min="4610" max="4610" width="13.6640625" customWidth="1"/>
    <col min="4611" max="4611" width="11.6640625" customWidth="1"/>
    <col min="4612" max="4612" width="110.6640625" customWidth="1"/>
    <col min="4865" max="4865" width="5.6640625" customWidth="1"/>
    <col min="4866" max="4866" width="13.6640625" customWidth="1"/>
    <col min="4867" max="4867" width="11.6640625" customWidth="1"/>
    <col min="4868" max="4868" width="110.6640625" customWidth="1"/>
    <col min="5121" max="5121" width="5.6640625" customWidth="1"/>
    <col min="5122" max="5122" width="13.6640625" customWidth="1"/>
    <col min="5123" max="5123" width="11.6640625" customWidth="1"/>
    <col min="5124" max="5124" width="110.6640625" customWidth="1"/>
    <col min="5377" max="5377" width="5.6640625" customWidth="1"/>
    <col min="5378" max="5378" width="13.6640625" customWidth="1"/>
    <col min="5379" max="5379" width="11.6640625" customWidth="1"/>
    <col min="5380" max="5380" width="110.6640625" customWidth="1"/>
    <col min="5633" max="5633" width="5.6640625" customWidth="1"/>
    <col min="5634" max="5634" width="13.6640625" customWidth="1"/>
    <col min="5635" max="5635" width="11.6640625" customWidth="1"/>
    <col min="5636" max="5636" width="110.6640625" customWidth="1"/>
    <col min="5889" max="5889" width="5.6640625" customWidth="1"/>
    <col min="5890" max="5890" width="13.6640625" customWidth="1"/>
    <col min="5891" max="5891" width="11.6640625" customWidth="1"/>
    <col min="5892" max="5892" width="110.6640625" customWidth="1"/>
    <col min="6145" max="6145" width="5.6640625" customWidth="1"/>
    <col min="6146" max="6146" width="13.6640625" customWidth="1"/>
    <col min="6147" max="6147" width="11.6640625" customWidth="1"/>
    <col min="6148" max="6148" width="110.6640625" customWidth="1"/>
    <col min="6401" max="6401" width="5.6640625" customWidth="1"/>
    <col min="6402" max="6402" width="13.6640625" customWidth="1"/>
    <col min="6403" max="6403" width="11.6640625" customWidth="1"/>
    <col min="6404" max="6404" width="110.6640625" customWidth="1"/>
    <col min="6657" max="6657" width="5.6640625" customWidth="1"/>
    <col min="6658" max="6658" width="13.6640625" customWidth="1"/>
    <col min="6659" max="6659" width="11.6640625" customWidth="1"/>
    <col min="6660" max="6660" width="110.6640625" customWidth="1"/>
    <col min="6913" max="6913" width="5.6640625" customWidth="1"/>
    <col min="6914" max="6914" width="13.6640625" customWidth="1"/>
    <col min="6915" max="6915" width="11.6640625" customWidth="1"/>
    <col min="6916" max="6916" width="110.6640625" customWidth="1"/>
    <col min="7169" max="7169" width="5.6640625" customWidth="1"/>
    <col min="7170" max="7170" width="13.6640625" customWidth="1"/>
    <col min="7171" max="7171" width="11.6640625" customWidth="1"/>
    <col min="7172" max="7172" width="110.6640625" customWidth="1"/>
    <col min="7425" max="7425" width="5.6640625" customWidth="1"/>
    <col min="7426" max="7426" width="13.6640625" customWidth="1"/>
    <col min="7427" max="7427" width="11.6640625" customWidth="1"/>
    <col min="7428" max="7428" width="110.6640625" customWidth="1"/>
    <col min="7681" max="7681" width="5.6640625" customWidth="1"/>
    <col min="7682" max="7682" width="13.6640625" customWidth="1"/>
    <col min="7683" max="7683" width="11.6640625" customWidth="1"/>
    <col min="7684" max="7684" width="110.6640625" customWidth="1"/>
    <col min="7937" max="7937" width="5.6640625" customWidth="1"/>
    <col min="7938" max="7938" width="13.6640625" customWidth="1"/>
    <col min="7939" max="7939" width="11.6640625" customWidth="1"/>
    <col min="7940" max="7940" width="110.6640625" customWidth="1"/>
    <col min="8193" max="8193" width="5.6640625" customWidth="1"/>
    <col min="8194" max="8194" width="13.6640625" customWidth="1"/>
    <col min="8195" max="8195" width="11.6640625" customWidth="1"/>
    <col min="8196" max="8196" width="110.6640625" customWidth="1"/>
    <col min="8449" max="8449" width="5.6640625" customWidth="1"/>
    <col min="8450" max="8450" width="13.6640625" customWidth="1"/>
    <col min="8451" max="8451" width="11.6640625" customWidth="1"/>
    <col min="8452" max="8452" width="110.6640625" customWidth="1"/>
    <col min="8705" max="8705" width="5.6640625" customWidth="1"/>
    <col min="8706" max="8706" width="13.6640625" customWidth="1"/>
    <col min="8707" max="8707" width="11.6640625" customWidth="1"/>
    <col min="8708" max="8708" width="110.6640625" customWidth="1"/>
    <col min="8961" max="8961" width="5.6640625" customWidth="1"/>
    <col min="8962" max="8962" width="13.6640625" customWidth="1"/>
    <col min="8963" max="8963" width="11.6640625" customWidth="1"/>
    <col min="8964" max="8964" width="110.6640625" customWidth="1"/>
    <col min="9217" max="9217" width="5.6640625" customWidth="1"/>
    <col min="9218" max="9218" width="13.6640625" customWidth="1"/>
    <col min="9219" max="9219" width="11.6640625" customWidth="1"/>
    <col min="9220" max="9220" width="110.6640625" customWidth="1"/>
    <col min="9473" max="9473" width="5.6640625" customWidth="1"/>
    <col min="9474" max="9474" width="13.6640625" customWidth="1"/>
    <col min="9475" max="9475" width="11.6640625" customWidth="1"/>
    <col min="9476" max="9476" width="110.6640625" customWidth="1"/>
    <col min="9729" max="9729" width="5.6640625" customWidth="1"/>
    <col min="9730" max="9730" width="13.6640625" customWidth="1"/>
    <col min="9731" max="9731" width="11.6640625" customWidth="1"/>
    <col min="9732" max="9732" width="110.6640625" customWidth="1"/>
    <col min="9985" max="9985" width="5.6640625" customWidth="1"/>
    <col min="9986" max="9986" width="13.6640625" customWidth="1"/>
    <col min="9987" max="9987" width="11.6640625" customWidth="1"/>
    <col min="9988" max="9988" width="110.6640625" customWidth="1"/>
    <col min="10241" max="10241" width="5.6640625" customWidth="1"/>
    <col min="10242" max="10242" width="13.6640625" customWidth="1"/>
    <col min="10243" max="10243" width="11.6640625" customWidth="1"/>
    <col min="10244" max="10244" width="110.6640625" customWidth="1"/>
    <col min="10497" max="10497" width="5.6640625" customWidth="1"/>
    <col min="10498" max="10498" width="13.6640625" customWidth="1"/>
    <col min="10499" max="10499" width="11.6640625" customWidth="1"/>
    <col min="10500" max="10500" width="110.6640625" customWidth="1"/>
    <col min="10753" max="10753" width="5.6640625" customWidth="1"/>
    <col min="10754" max="10754" width="13.6640625" customWidth="1"/>
    <col min="10755" max="10755" width="11.6640625" customWidth="1"/>
    <col min="10756" max="10756" width="110.6640625" customWidth="1"/>
    <col min="11009" max="11009" width="5.6640625" customWidth="1"/>
    <col min="11010" max="11010" width="13.6640625" customWidth="1"/>
    <col min="11011" max="11011" width="11.6640625" customWidth="1"/>
    <col min="11012" max="11012" width="110.6640625" customWidth="1"/>
    <col min="11265" max="11265" width="5.6640625" customWidth="1"/>
    <col min="11266" max="11266" width="13.6640625" customWidth="1"/>
    <col min="11267" max="11267" width="11.6640625" customWidth="1"/>
    <col min="11268" max="11268" width="110.6640625" customWidth="1"/>
    <col min="11521" max="11521" width="5.6640625" customWidth="1"/>
    <col min="11522" max="11522" width="13.6640625" customWidth="1"/>
    <col min="11523" max="11523" width="11.6640625" customWidth="1"/>
    <col min="11524" max="11524" width="110.6640625" customWidth="1"/>
    <col min="11777" max="11777" width="5.6640625" customWidth="1"/>
    <col min="11778" max="11778" width="13.6640625" customWidth="1"/>
    <col min="11779" max="11779" width="11.6640625" customWidth="1"/>
    <col min="11780" max="11780" width="110.6640625" customWidth="1"/>
    <col min="12033" max="12033" width="5.6640625" customWidth="1"/>
    <col min="12034" max="12034" width="13.6640625" customWidth="1"/>
    <col min="12035" max="12035" width="11.6640625" customWidth="1"/>
    <col min="12036" max="12036" width="110.6640625" customWidth="1"/>
    <col min="12289" max="12289" width="5.6640625" customWidth="1"/>
    <col min="12290" max="12290" width="13.6640625" customWidth="1"/>
    <col min="12291" max="12291" width="11.6640625" customWidth="1"/>
    <col min="12292" max="12292" width="110.6640625" customWidth="1"/>
    <col min="12545" max="12545" width="5.6640625" customWidth="1"/>
    <col min="12546" max="12546" width="13.6640625" customWidth="1"/>
    <col min="12547" max="12547" width="11.6640625" customWidth="1"/>
    <col min="12548" max="12548" width="110.6640625" customWidth="1"/>
    <col min="12801" max="12801" width="5.6640625" customWidth="1"/>
    <col min="12802" max="12802" width="13.6640625" customWidth="1"/>
    <col min="12803" max="12803" width="11.6640625" customWidth="1"/>
    <col min="12804" max="12804" width="110.6640625" customWidth="1"/>
    <col min="13057" max="13057" width="5.6640625" customWidth="1"/>
    <col min="13058" max="13058" width="13.6640625" customWidth="1"/>
    <col min="13059" max="13059" width="11.6640625" customWidth="1"/>
    <col min="13060" max="13060" width="110.6640625" customWidth="1"/>
    <col min="13313" max="13313" width="5.6640625" customWidth="1"/>
    <col min="13314" max="13314" width="13.6640625" customWidth="1"/>
    <col min="13315" max="13315" width="11.6640625" customWidth="1"/>
    <col min="13316" max="13316" width="110.6640625" customWidth="1"/>
    <col min="13569" max="13569" width="5.6640625" customWidth="1"/>
    <col min="13570" max="13570" width="13.6640625" customWidth="1"/>
    <col min="13571" max="13571" width="11.6640625" customWidth="1"/>
    <col min="13572" max="13572" width="110.6640625" customWidth="1"/>
    <col min="13825" max="13825" width="5.6640625" customWidth="1"/>
    <col min="13826" max="13826" width="13.6640625" customWidth="1"/>
    <col min="13827" max="13827" width="11.6640625" customWidth="1"/>
    <col min="13828" max="13828" width="110.6640625" customWidth="1"/>
    <col min="14081" max="14081" width="5.6640625" customWidth="1"/>
    <col min="14082" max="14082" width="13.6640625" customWidth="1"/>
    <col min="14083" max="14083" width="11.6640625" customWidth="1"/>
    <col min="14084" max="14084" width="110.6640625" customWidth="1"/>
    <col min="14337" max="14337" width="5.6640625" customWidth="1"/>
    <col min="14338" max="14338" width="13.6640625" customWidth="1"/>
    <col min="14339" max="14339" width="11.6640625" customWidth="1"/>
    <col min="14340" max="14340" width="110.6640625" customWidth="1"/>
    <col min="14593" max="14593" width="5.6640625" customWidth="1"/>
    <col min="14594" max="14594" width="13.6640625" customWidth="1"/>
    <col min="14595" max="14595" width="11.6640625" customWidth="1"/>
    <col min="14596" max="14596" width="110.6640625" customWidth="1"/>
    <col min="14849" max="14849" width="5.6640625" customWidth="1"/>
    <col min="14850" max="14850" width="13.6640625" customWidth="1"/>
    <col min="14851" max="14851" width="11.6640625" customWidth="1"/>
    <col min="14852" max="14852" width="110.6640625" customWidth="1"/>
    <col min="15105" max="15105" width="5.6640625" customWidth="1"/>
    <col min="15106" max="15106" width="13.6640625" customWidth="1"/>
    <col min="15107" max="15107" width="11.6640625" customWidth="1"/>
    <col min="15108" max="15108" width="110.6640625" customWidth="1"/>
    <col min="15361" max="15361" width="5.6640625" customWidth="1"/>
    <col min="15362" max="15362" width="13.6640625" customWidth="1"/>
    <col min="15363" max="15363" width="11.6640625" customWidth="1"/>
    <col min="15364" max="15364" width="110.6640625" customWidth="1"/>
    <col min="15617" max="15617" width="5.6640625" customWidth="1"/>
    <col min="15618" max="15618" width="13.6640625" customWidth="1"/>
    <col min="15619" max="15619" width="11.6640625" customWidth="1"/>
    <col min="15620" max="15620" width="110.6640625" customWidth="1"/>
    <col min="15873" max="15873" width="5.6640625" customWidth="1"/>
    <col min="15874" max="15874" width="13.6640625" customWidth="1"/>
    <col min="15875" max="15875" width="11.6640625" customWidth="1"/>
    <col min="15876" max="15876" width="110.6640625" customWidth="1"/>
    <col min="16129" max="16129" width="5.6640625" customWidth="1"/>
    <col min="16130" max="16130" width="13.6640625" customWidth="1"/>
    <col min="16131" max="16131" width="11.6640625" customWidth="1"/>
    <col min="16132" max="16132" width="110.6640625" customWidth="1"/>
  </cols>
  <sheetData>
    <row r="1" spans="1:5" x14ac:dyDescent="0.2">
      <c r="A1" s="26" t="s">
        <v>25</v>
      </c>
      <c r="D1" s="7" t="s">
        <v>26</v>
      </c>
    </row>
    <row r="2" spans="1:5" s="2" customFormat="1" ht="14.4" x14ac:dyDescent="0.2">
      <c r="A2" s="8"/>
      <c r="B2" s="9" t="s">
        <v>20</v>
      </c>
      <c r="C2" s="10"/>
    </row>
    <row r="3" spans="1:5" s="4" customFormat="1" ht="10.8" x14ac:dyDescent="0.2">
      <c r="A3" s="3"/>
      <c r="B3" s="4" t="s">
        <v>21</v>
      </c>
      <c r="C3" s="7"/>
    </row>
    <row r="4" spans="1:5" s="4" customFormat="1" ht="11.25" customHeight="1" x14ac:dyDescent="0.2">
      <c r="A4" s="3"/>
      <c r="B4" s="3" t="s">
        <v>22</v>
      </c>
      <c r="C4" s="7"/>
    </row>
    <row r="5" spans="1:5" x14ac:dyDescent="0.2">
      <c r="D5" s="6"/>
    </row>
    <row r="6" spans="1:5" x14ac:dyDescent="0.2">
      <c r="B6" s="11" t="s">
        <v>2</v>
      </c>
      <c r="C6" s="12"/>
      <c r="D6" s="13"/>
    </row>
    <row r="7" spans="1:5" x14ac:dyDescent="0.2">
      <c r="B7" s="14" t="s">
        <v>3</v>
      </c>
      <c r="C7" s="70" t="s">
        <v>27</v>
      </c>
      <c r="D7" s="71"/>
    </row>
    <row r="8" spans="1:5" x14ac:dyDescent="0.2">
      <c r="B8" s="15" t="s">
        <v>4</v>
      </c>
      <c r="C8" s="70"/>
      <c r="D8" s="71"/>
      <c r="E8" s="4"/>
    </row>
    <row r="9" spans="1:5" x14ac:dyDescent="0.2">
      <c r="B9" s="15" t="s">
        <v>5</v>
      </c>
      <c r="C9" s="16" t="s">
        <v>28</v>
      </c>
      <c r="D9" s="17" t="s">
        <v>6</v>
      </c>
      <c r="E9" s="4"/>
    </row>
    <row r="10" spans="1:5" x14ac:dyDescent="0.2">
      <c r="B10" s="15" t="s">
        <v>7</v>
      </c>
      <c r="C10" s="16" t="s">
        <v>29</v>
      </c>
      <c r="D10" s="17" t="s">
        <v>8</v>
      </c>
      <c r="E10" s="4"/>
    </row>
    <row r="11" spans="1:5" x14ac:dyDescent="0.2">
      <c r="B11" s="15" t="s">
        <v>9</v>
      </c>
      <c r="C11" s="16" t="s">
        <v>30</v>
      </c>
      <c r="D11" s="17" t="s">
        <v>10</v>
      </c>
      <c r="E11" s="4"/>
    </row>
    <row r="12" spans="1:5" x14ac:dyDescent="0.2">
      <c r="B12" s="18" t="s">
        <v>11</v>
      </c>
      <c r="C12" s="27" t="s">
        <v>31</v>
      </c>
      <c r="D12" s="19" t="s">
        <v>12</v>
      </c>
      <c r="E12" s="4"/>
    </row>
    <row r="13" spans="1:5" x14ac:dyDescent="0.2">
      <c r="B13" s="28" t="s">
        <v>13</v>
      </c>
      <c r="C13" s="29" t="s">
        <v>32</v>
      </c>
      <c r="D13" s="30" t="s">
        <v>14</v>
      </c>
      <c r="E13" s="4"/>
    </row>
    <row r="15" spans="1:5" x14ac:dyDescent="0.2">
      <c r="B15" s="11" t="s">
        <v>15</v>
      </c>
      <c r="C15" s="12"/>
      <c r="D15" s="13"/>
    </row>
    <row r="16" spans="1:5" x14ac:dyDescent="0.2">
      <c r="B16" s="15" t="s">
        <v>16</v>
      </c>
      <c r="C16" s="21" t="s">
        <v>33</v>
      </c>
      <c r="D16" s="17" t="s">
        <v>17</v>
      </c>
    </row>
    <row r="17" spans="2:4" x14ac:dyDescent="0.2">
      <c r="B17" s="22" t="s">
        <v>18</v>
      </c>
      <c r="C17" s="23" t="s">
        <v>34</v>
      </c>
      <c r="D17" s="24"/>
    </row>
    <row r="18" spans="2:4" x14ac:dyDescent="0.2">
      <c r="B18" s="72" t="s">
        <v>19</v>
      </c>
      <c r="C18" s="73"/>
      <c r="D18" s="20"/>
    </row>
    <row r="19" spans="2:4" x14ac:dyDescent="0.2">
      <c r="C19" s="7"/>
      <c r="D19" s="4"/>
    </row>
  </sheetData>
  <mergeCells count="3">
    <mergeCell ref="C7:D7"/>
    <mergeCell ref="C8:D8"/>
    <mergeCell ref="B18:C18"/>
  </mergeCells>
  <phoneticPr fontId="2"/>
  <hyperlinks>
    <hyperlink ref="A1" location="Contents!A1" display="目次" xr:uid="{35F5D63F-9B32-444C-8A2C-F6212FB89C6F}"/>
  </hyperlinks>
  <pageMargins left="0.59055118110236227" right="0.39370078740157483" top="0.98425196850393704" bottom="0.98425196850393704" header="0.51181102362204722" footer="0.51181102362204722"/>
  <pageSetup paperSize="9" orientation="landscape" verticalDpi="0" r:id="rId1"/>
  <headerFooter alignWithMargins="0"/>
  <colBreaks count="1" manualBreakCount="1">
    <brk id="1" min="1" max="1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0570C90-57AD-40E6-87D0-20EE3879EDDA}">
  <dimension ref="A1:Y3278"/>
  <sheetViews>
    <sheetView zoomScaleNormal="100" workbookViewId="0">
      <selection activeCell="A3225" sqref="A3225"/>
    </sheetView>
  </sheetViews>
  <sheetFormatPr defaultColWidth="6.6640625" defaultRowHeight="13.2" x14ac:dyDescent="0.2"/>
  <cols>
    <col min="1" max="1" width="6.88671875" style="4" customWidth="1"/>
    <col min="2" max="2" width="10.77734375" customWidth="1"/>
    <col min="3" max="3" width="19.77734375" customWidth="1"/>
    <col min="4" max="256" width="6.77734375" customWidth="1"/>
    <col min="257" max="257" width="6.88671875" customWidth="1"/>
    <col min="513" max="513" width="6.88671875" customWidth="1"/>
    <col min="769" max="769" width="6.88671875" customWidth="1"/>
    <col min="1025" max="1025" width="6.88671875" customWidth="1"/>
    <col min="1281" max="1281" width="6.88671875" customWidth="1"/>
    <col min="1537" max="1537" width="6.88671875" customWidth="1"/>
    <col min="1793" max="1793" width="6.88671875" customWidth="1"/>
    <col min="2049" max="2049" width="6.88671875" customWidth="1"/>
    <col min="2305" max="2305" width="6.88671875" customWidth="1"/>
    <col min="2561" max="2561" width="6.88671875" customWidth="1"/>
    <col min="2817" max="2817" width="6.88671875" customWidth="1"/>
    <col min="3073" max="3073" width="6.88671875" customWidth="1"/>
    <col min="3329" max="3329" width="6.88671875" customWidth="1"/>
    <col min="3585" max="3585" width="6.88671875" customWidth="1"/>
    <col min="3841" max="3841" width="6.88671875" customWidth="1"/>
    <col min="4097" max="4097" width="6.88671875" customWidth="1"/>
    <col min="4353" max="4353" width="6.88671875" customWidth="1"/>
    <col min="4609" max="4609" width="6.88671875" customWidth="1"/>
    <col min="4865" max="4865" width="6.88671875" customWidth="1"/>
    <col min="5121" max="5121" width="6.88671875" customWidth="1"/>
    <col min="5377" max="5377" width="6.88671875" customWidth="1"/>
    <col min="5633" max="5633" width="6.88671875" customWidth="1"/>
    <col min="5889" max="5889" width="6.88671875" customWidth="1"/>
    <col min="6145" max="6145" width="6.88671875" customWidth="1"/>
    <col min="6401" max="6401" width="6.88671875" customWidth="1"/>
    <col min="6657" max="6657" width="6.88671875" customWidth="1"/>
    <col min="6913" max="6913" width="6.88671875" customWidth="1"/>
    <col min="7169" max="7169" width="6.88671875" customWidth="1"/>
    <col min="7425" max="7425" width="6.88671875" customWidth="1"/>
    <col min="7681" max="7681" width="6.88671875" customWidth="1"/>
    <col min="7937" max="7937" width="6.88671875" customWidth="1"/>
    <col min="8193" max="8193" width="6.88671875" customWidth="1"/>
    <col min="8449" max="8449" width="6.88671875" customWidth="1"/>
    <col min="8705" max="8705" width="6.88671875" customWidth="1"/>
    <col min="8961" max="8961" width="6.88671875" customWidth="1"/>
    <col min="9217" max="9217" width="6.88671875" customWidth="1"/>
    <col min="9473" max="9473" width="6.88671875" customWidth="1"/>
    <col min="9729" max="9729" width="6.88671875" customWidth="1"/>
    <col min="9985" max="9985" width="6.88671875" customWidth="1"/>
    <col min="10241" max="10241" width="6.88671875" customWidth="1"/>
    <col min="10497" max="10497" width="6.88671875" customWidth="1"/>
    <col min="10753" max="10753" width="6.88671875" customWidth="1"/>
    <col min="11009" max="11009" width="6.88671875" customWidth="1"/>
    <col min="11265" max="11265" width="6.88671875" customWidth="1"/>
    <col min="11521" max="11521" width="6.88671875" customWidth="1"/>
    <col min="11777" max="11777" width="6.88671875" customWidth="1"/>
    <col min="12033" max="12033" width="6.88671875" customWidth="1"/>
    <col min="12289" max="12289" width="6.88671875" customWidth="1"/>
    <col min="12545" max="12545" width="6.88671875" customWidth="1"/>
    <col min="12801" max="12801" width="6.88671875" customWidth="1"/>
    <col min="13057" max="13057" width="6.88671875" customWidth="1"/>
    <col min="13313" max="13313" width="6.88671875" customWidth="1"/>
    <col min="13569" max="13569" width="6.88671875" customWidth="1"/>
    <col min="13825" max="13825" width="6.88671875" customWidth="1"/>
    <col min="14081" max="14081" width="6.88671875" customWidth="1"/>
    <col min="14337" max="14337" width="6.88671875" customWidth="1"/>
    <col min="14593" max="14593" width="6.88671875" customWidth="1"/>
    <col min="14849" max="14849" width="6.88671875" customWidth="1"/>
    <col min="15105" max="15105" width="6.88671875" customWidth="1"/>
    <col min="15361" max="15361" width="6.88671875" customWidth="1"/>
    <col min="15617" max="15617" width="6.88671875" customWidth="1"/>
    <col min="15873" max="15873" width="6.88671875" customWidth="1"/>
    <col min="16129" max="16129" width="6.88671875" customWidth="1"/>
  </cols>
  <sheetData>
    <row r="1" spans="1:25" x14ac:dyDescent="0.2">
      <c r="A1" s="26" t="s">
        <v>25</v>
      </c>
      <c r="B1" t="s">
        <v>35</v>
      </c>
      <c r="C1" t="s">
        <v>35</v>
      </c>
      <c r="M1" t="s">
        <v>35</v>
      </c>
    </row>
    <row r="2" spans="1:25" x14ac:dyDescent="0.2">
      <c r="B2" s="74" t="s">
        <v>36</v>
      </c>
      <c r="C2" s="75"/>
      <c r="D2" s="75"/>
      <c r="E2" s="75"/>
      <c r="F2" s="75"/>
      <c r="G2" s="75"/>
      <c r="H2" s="75"/>
      <c r="I2" s="75"/>
      <c r="J2" s="75"/>
      <c r="K2" s="75"/>
      <c r="L2" s="75"/>
      <c r="M2" s="75"/>
      <c r="N2" s="75"/>
      <c r="O2" s="75"/>
      <c r="P2" s="75"/>
      <c r="Q2" s="75"/>
      <c r="R2" s="75"/>
      <c r="S2" s="75"/>
      <c r="T2" s="75"/>
      <c r="U2" s="75"/>
      <c r="V2" s="75"/>
      <c r="W2" s="75"/>
      <c r="X2" s="75"/>
      <c r="Y2" s="75"/>
    </row>
    <row r="3" spans="1:25" s="32" customFormat="1" ht="68.849999999999994" customHeight="1" x14ac:dyDescent="0.15">
      <c r="A3" s="31"/>
      <c r="D3" s="33" t="s">
        <v>242</v>
      </c>
      <c r="E3" s="35" t="s">
        <v>243</v>
      </c>
      <c r="F3" s="36" t="s">
        <v>244</v>
      </c>
      <c r="G3" s="36" t="s">
        <v>245</v>
      </c>
      <c r="H3" s="36" t="s">
        <v>246</v>
      </c>
      <c r="I3" s="36" t="s">
        <v>247</v>
      </c>
      <c r="J3" s="36" t="s">
        <v>248</v>
      </c>
      <c r="K3" s="36" t="s">
        <v>249</v>
      </c>
      <c r="L3" s="37" t="s">
        <v>250</v>
      </c>
      <c r="M3" s="34" t="s">
        <v>251</v>
      </c>
    </row>
    <row r="4" spans="1:25" x14ac:dyDescent="0.2">
      <c r="B4" s="5"/>
      <c r="C4" s="41" t="s">
        <v>38</v>
      </c>
      <c r="D4" s="42">
        <v>2000</v>
      </c>
      <c r="E4" s="43">
        <v>3.1</v>
      </c>
      <c r="F4" s="43">
        <v>2</v>
      </c>
      <c r="G4" s="43">
        <v>1.7</v>
      </c>
      <c r="H4" s="43">
        <v>1.7</v>
      </c>
      <c r="I4" s="43">
        <v>2.2000000000000002</v>
      </c>
      <c r="J4" s="43">
        <v>0.5</v>
      </c>
      <c r="K4" s="43">
        <v>0.5</v>
      </c>
      <c r="L4" s="44">
        <v>88.4</v>
      </c>
    </row>
    <row r="5" spans="1:25" x14ac:dyDescent="0.2">
      <c r="B5" s="76" t="s">
        <v>37</v>
      </c>
      <c r="C5" s="39" t="s">
        <v>39</v>
      </c>
      <c r="D5" s="45">
        <v>111</v>
      </c>
      <c r="E5" s="46">
        <v>4.5</v>
      </c>
      <c r="F5" s="46">
        <v>2.7</v>
      </c>
      <c r="G5" s="46">
        <v>0</v>
      </c>
      <c r="H5" s="46">
        <v>3.6</v>
      </c>
      <c r="I5" s="46">
        <v>2.7</v>
      </c>
      <c r="J5" s="46">
        <v>1.8</v>
      </c>
      <c r="K5" s="46">
        <v>0</v>
      </c>
      <c r="L5" s="47">
        <v>84.7</v>
      </c>
    </row>
    <row r="6" spans="1:25" x14ac:dyDescent="0.2">
      <c r="B6" s="76"/>
      <c r="C6" s="39" t="s">
        <v>40</v>
      </c>
      <c r="D6" s="45">
        <v>450</v>
      </c>
      <c r="E6" s="46">
        <v>4.9000000000000004</v>
      </c>
      <c r="F6" s="46">
        <v>2.2000000000000002</v>
      </c>
      <c r="G6" s="46">
        <v>2.4</v>
      </c>
      <c r="H6" s="46">
        <v>2.9</v>
      </c>
      <c r="I6" s="46">
        <v>1.8</v>
      </c>
      <c r="J6" s="46">
        <v>0.4</v>
      </c>
      <c r="K6" s="46">
        <v>0.2</v>
      </c>
      <c r="L6" s="47">
        <v>85.1</v>
      </c>
    </row>
    <row r="7" spans="1:25" ht="21.6" x14ac:dyDescent="0.2">
      <c r="B7" s="76"/>
      <c r="C7" s="39" t="s">
        <v>41</v>
      </c>
      <c r="D7" s="45">
        <v>30</v>
      </c>
      <c r="E7" s="46">
        <v>0</v>
      </c>
      <c r="F7" s="46">
        <v>6.7</v>
      </c>
      <c r="G7" s="46">
        <v>3.3</v>
      </c>
      <c r="H7" s="46">
        <v>0</v>
      </c>
      <c r="I7" s="46">
        <v>0</v>
      </c>
      <c r="J7" s="46">
        <v>3.3</v>
      </c>
      <c r="K7" s="46">
        <v>0</v>
      </c>
      <c r="L7" s="47">
        <v>86.7</v>
      </c>
    </row>
    <row r="8" spans="1:25" ht="21.6" x14ac:dyDescent="0.2">
      <c r="B8" s="76"/>
      <c r="C8" s="39" t="s">
        <v>42</v>
      </c>
      <c r="D8" s="45">
        <v>336</v>
      </c>
      <c r="E8" s="46">
        <v>2.7</v>
      </c>
      <c r="F8" s="46">
        <v>2.7</v>
      </c>
      <c r="G8" s="46">
        <v>2.4</v>
      </c>
      <c r="H8" s="46">
        <v>3</v>
      </c>
      <c r="I8" s="46">
        <v>4.2</v>
      </c>
      <c r="J8" s="46">
        <v>0.3</v>
      </c>
      <c r="K8" s="46">
        <v>1.2</v>
      </c>
      <c r="L8" s="47">
        <v>83.6</v>
      </c>
    </row>
    <row r="9" spans="1:25" ht="21.6" x14ac:dyDescent="0.2">
      <c r="B9" s="76"/>
      <c r="C9" s="39" t="s">
        <v>43</v>
      </c>
      <c r="D9" s="45">
        <v>327</v>
      </c>
      <c r="E9" s="46">
        <v>1.2</v>
      </c>
      <c r="F9" s="46">
        <v>0.6</v>
      </c>
      <c r="G9" s="46">
        <v>0.9</v>
      </c>
      <c r="H9" s="46">
        <v>0</v>
      </c>
      <c r="I9" s="46">
        <v>1.5</v>
      </c>
      <c r="J9" s="46">
        <v>0.3</v>
      </c>
      <c r="K9" s="46">
        <v>0.3</v>
      </c>
      <c r="L9" s="47">
        <v>95.1</v>
      </c>
    </row>
    <row r="10" spans="1:25" ht="21.6" x14ac:dyDescent="0.2">
      <c r="B10" s="76"/>
      <c r="C10" s="39" t="s">
        <v>44</v>
      </c>
      <c r="D10" s="45">
        <v>181</v>
      </c>
      <c r="E10" s="46">
        <v>6.1</v>
      </c>
      <c r="F10" s="46">
        <v>2.2000000000000002</v>
      </c>
      <c r="G10" s="46">
        <v>0.6</v>
      </c>
      <c r="H10" s="46">
        <v>0.6</v>
      </c>
      <c r="I10" s="46">
        <v>1.1000000000000001</v>
      </c>
      <c r="J10" s="46">
        <v>0</v>
      </c>
      <c r="K10" s="46">
        <v>0.6</v>
      </c>
      <c r="L10" s="47">
        <v>89</v>
      </c>
    </row>
    <row r="11" spans="1:25" ht="21.6" x14ac:dyDescent="0.2">
      <c r="B11" s="76"/>
      <c r="C11" s="39" t="s">
        <v>45</v>
      </c>
      <c r="D11" s="45">
        <v>565</v>
      </c>
      <c r="E11" s="46">
        <v>1.9</v>
      </c>
      <c r="F11" s="46">
        <v>1.8</v>
      </c>
      <c r="G11" s="46">
        <v>1.8</v>
      </c>
      <c r="H11" s="46">
        <v>1.1000000000000001</v>
      </c>
      <c r="I11" s="46">
        <v>1.9</v>
      </c>
      <c r="J11" s="46">
        <v>0.5</v>
      </c>
      <c r="K11" s="46">
        <v>0.5</v>
      </c>
      <c r="L11" s="47">
        <v>90.4</v>
      </c>
    </row>
    <row r="12" spans="1:25" ht="21.6" x14ac:dyDescent="0.2">
      <c r="B12" s="76"/>
      <c r="C12" s="39" t="s">
        <v>46</v>
      </c>
      <c r="D12" s="45">
        <v>473</v>
      </c>
      <c r="E12" s="46">
        <v>2.1</v>
      </c>
      <c r="F12" s="46">
        <v>1.1000000000000001</v>
      </c>
      <c r="G12" s="46">
        <v>1.1000000000000001</v>
      </c>
      <c r="H12" s="46">
        <v>1.1000000000000001</v>
      </c>
      <c r="I12" s="46">
        <v>1.5</v>
      </c>
      <c r="J12" s="46">
        <v>0.2</v>
      </c>
      <c r="K12" s="46">
        <v>0.8</v>
      </c>
      <c r="L12" s="47">
        <v>92.2</v>
      </c>
    </row>
    <row r="13" spans="1:25" ht="21.6" x14ac:dyDescent="0.2">
      <c r="B13" s="76"/>
      <c r="C13" s="39" t="s">
        <v>47</v>
      </c>
      <c r="D13" s="45">
        <v>441</v>
      </c>
      <c r="E13" s="46">
        <v>2.2999999999999998</v>
      </c>
      <c r="F13" s="46">
        <v>1.8</v>
      </c>
      <c r="G13" s="46">
        <v>2</v>
      </c>
      <c r="H13" s="46">
        <v>1.6</v>
      </c>
      <c r="I13" s="46">
        <v>0.9</v>
      </c>
      <c r="J13" s="46">
        <v>0.7</v>
      </c>
      <c r="K13" s="46">
        <v>0</v>
      </c>
      <c r="L13" s="47">
        <v>90.7</v>
      </c>
    </row>
    <row r="14" spans="1:25" ht="21.6" x14ac:dyDescent="0.2">
      <c r="B14" s="76"/>
      <c r="C14" s="39" t="s">
        <v>48</v>
      </c>
      <c r="D14" s="45">
        <v>305</v>
      </c>
      <c r="E14" s="46">
        <v>2.2999999999999998</v>
      </c>
      <c r="F14" s="46">
        <v>2</v>
      </c>
      <c r="G14" s="46">
        <v>3.3</v>
      </c>
      <c r="H14" s="46">
        <v>2</v>
      </c>
      <c r="I14" s="46">
        <v>4.3</v>
      </c>
      <c r="J14" s="46">
        <v>1</v>
      </c>
      <c r="K14" s="46">
        <v>1</v>
      </c>
      <c r="L14" s="47">
        <v>84.3</v>
      </c>
    </row>
    <row r="15" spans="1:25" ht="21.6" x14ac:dyDescent="0.2">
      <c r="B15" s="76"/>
      <c r="C15" s="39" t="s">
        <v>49</v>
      </c>
      <c r="D15" s="45">
        <v>223</v>
      </c>
      <c r="E15" s="46">
        <v>4.5</v>
      </c>
      <c r="F15" s="46">
        <v>1.3</v>
      </c>
      <c r="G15" s="46">
        <v>1.8</v>
      </c>
      <c r="H15" s="46">
        <v>2.7</v>
      </c>
      <c r="I15" s="46">
        <v>1.8</v>
      </c>
      <c r="J15" s="46">
        <v>0.9</v>
      </c>
      <c r="K15" s="46">
        <v>0.4</v>
      </c>
      <c r="L15" s="47">
        <v>86.5</v>
      </c>
    </row>
    <row r="16" spans="1:25" ht="21.6" x14ac:dyDescent="0.2">
      <c r="B16" s="76"/>
      <c r="C16" s="39" t="s">
        <v>50</v>
      </c>
      <c r="D16" s="45">
        <v>123</v>
      </c>
      <c r="E16" s="46">
        <v>7.3</v>
      </c>
      <c r="F16" s="46">
        <v>4.0999999999999996</v>
      </c>
      <c r="G16" s="46">
        <v>1.6</v>
      </c>
      <c r="H16" s="46">
        <v>2.4</v>
      </c>
      <c r="I16" s="46">
        <v>4.0999999999999996</v>
      </c>
      <c r="J16" s="46">
        <v>0.8</v>
      </c>
      <c r="K16" s="46">
        <v>0.8</v>
      </c>
      <c r="L16" s="47">
        <v>78.900000000000006</v>
      </c>
    </row>
    <row r="17" spans="1:25" ht="21.6" x14ac:dyDescent="0.2">
      <c r="B17" s="76"/>
      <c r="C17" s="39" t="s">
        <v>51</v>
      </c>
      <c r="D17" s="45">
        <v>124</v>
      </c>
      <c r="E17" s="46">
        <v>7.3</v>
      </c>
      <c r="F17" s="46">
        <v>8.9</v>
      </c>
      <c r="G17" s="46">
        <v>0.8</v>
      </c>
      <c r="H17" s="46">
        <v>1.6</v>
      </c>
      <c r="I17" s="46">
        <v>4.8</v>
      </c>
      <c r="J17" s="46">
        <v>0</v>
      </c>
      <c r="K17" s="46">
        <v>0.8</v>
      </c>
      <c r="L17" s="47">
        <v>75.8</v>
      </c>
    </row>
    <row r="18" spans="1:25" ht="21.6" x14ac:dyDescent="0.2">
      <c r="B18" s="76"/>
      <c r="C18" s="39" t="s">
        <v>52</v>
      </c>
      <c r="D18" s="45">
        <v>312</v>
      </c>
      <c r="E18" s="46">
        <v>2.9</v>
      </c>
      <c r="F18" s="46">
        <v>1</v>
      </c>
      <c r="G18" s="46">
        <v>1.6</v>
      </c>
      <c r="H18" s="46">
        <v>1.3</v>
      </c>
      <c r="I18" s="46">
        <v>1.3</v>
      </c>
      <c r="J18" s="46">
        <v>1</v>
      </c>
      <c r="K18" s="46">
        <v>0.6</v>
      </c>
      <c r="L18" s="47">
        <v>90.4</v>
      </c>
    </row>
    <row r="19" spans="1:25" x14ac:dyDescent="0.2">
      <c r="B19" s="76"/>
      <c r="C19" s="39" t="s">
        <v>53</v>
      </c>
      <c r="D19" s="45">
        <v>269</v>
      </c>
      <c r="E19" s="46">
        <v>1.5</v>
      </c>
      <c r="F19" s="46">
        <v>1.9</v>
      </c>
      <c r="G19" s="46">
        <v>1.5</v>
      </c>
      <c r="H19" s="46">
        <v>1.5</v>
      </c>
      <c r="I19" s="46">
        <v>2.2000000000000002</v>
      </c>
      <c r="J19" s="46">
        <v>0.7</v>
      </c>
      <c r="K19" s="46">
        <v>0.4</v>
      </c>
      <c r="L19" s="47">
        <v>90.3</v>
      </c>
    </row>
    <row r="20" spans="1:25" ht="21.6" x14ac:dyDescent="0.2">
      <c r="B20" s="76"/>
      <c r="C20" s="39" t="s">
        <v>54</v>
      </c>
      <c r="D20" s="45">
        <v>511</v>
      </c>
      <c r="E20" s="46">
        <v>2.9</v>
      </c>
      <c r="F20" s="46">
        <v>2.9</v>
      </c>
      <c r="G20" s="46">
        <v>1.8</v>
      </c>
      <c r="H20" s="46">
        <v>1.6</v>
      </c>
      <c r="I20" s="46">
        <v>2.2000000000000002</v>
      </c>
      <c r="J20" s="46">
        <v>0.4</v>
      </c>
      <c r="K20" s="46">
        <v>0.2</v>
      </c>
      <c r="L20" s="47">
        <v>88.1</v>
      </c>
    </row>
    <row r="21" spans="1:25" ht="21.6" x14ac:dyDescent="0.2">
      <c r="B21" s="76"/>
      <c r="C21" s="39" t="s">
        <v>55</v>
      </c>
      <c r="D21" s="45">
        <v>615</v>
      </c>
      <c r="E21" s="46">
        <v>4.9000000000000004</v>
      </c>
      <c r="F21" s="46">
        <v>2.6</v>
      </c>
      <c r="G21" s="46">
        <v>1.6</v>
      </c>
      <c r="H21" s="46">
        <v>2.6</v>
      </c>
      <c r="I21" s="46">
        <v>2.9</v>
      </c>
      <c r="J21" s="46">
        <v>0.5</v>
      </c>
      <c r="K21" s="46">
        <v>0.7</v>
      </c>
      <c r="L21" s="47">
        <v>84.2</v>
      </c>
    </row>
    <row r="22" spans="1:25" ht="21.6" x14ac:dyDescent="0.2">
      <c r="B22" s="76"/>
      <c r="C22" s="39" t="s">
        <v>56</v>
      </c>
      <c r="D22" s="45">
        <v>800</v>
      </c>
      <c r="E22" s="46">
        <v>4.5</v>
      </c>
      <c r="F22" s="46">
        <v>2.5</v>
      </c>
      <c r="G22" s="46">
        <v>1.9</v>
      </c>
      <c r="H22" s="46">
        <v>2.9</v>
      </c>
      <c r="I22" s="46">
        <v>2.1</v>
      </c>
      <c r="J22" s="46">
        <v>0.6</v>
      </c>
      <c r="K22" s="46">
        <v>0.1</v>
      </c>
      <c r="L22" s="47">
        <v>85.4</v>
      </c>
    </row>
    <row r="23" spans="1:25" x14ac:dyDescent="0.2">
      <c r="B23" s="76"/>
      <c r="C23" s="40" t="s">
        <v>57</v>
      </c>
      <c r="D23" s="48">
        <v>798</v>
      </c>
      <c r="E23" s="49">
        <v>3</v>
      </c>
      <c r="F23" s="49">
        <v>2.2999999999999998</v>
      </c>
      <c r="G23" s="49">
        <v>1.9</v>
      </c>
      <c r="H23" s="49">
        <v>1</v>
      </c>
      <c r="I23" s="49">
        <v>2.2999999999999998</v>
      </c>
      <c r="J23" s="49">
        <v>0.5</v>
      </c>
      <c r="K23" s="49">
        <v>1</v>
      </c>
      <c r="L23" s="50">
        <v>88.1</v>
      </c>
    </row>
    <row r="24" spans="1:25" x14ac:dyDescent="0.2">
      <c r="B24" s="7" t="s">
        <v>71</v>
      </c>
      <c r="C24" s="4" t="s">
        <v>72</v>
      </c>
    </row>
    <row r="25" spans="1:25" x14ac:dyDescent="0.2">
      <c r="B25" s="4"/>
      <c r="C25" s="4" t="s">
        <v>73</v>
      </c>
    </row>
    <row r="27" spans="1:25" x14ac:dyDescent="0.2">
      <c r="C27" t="s">
        <v>35</v>
      </c>
    </row>
    <row r="28" spans="1:25" x14ac:dyDescent="0.2">
      <c r="B28" s="74" t="s">
        <v>177</v>
      </c>
      <c r="C28" s="75"/>
      <c r="D28" s="75"/>
      <c r="E28" s="75"/>
      <c r="F28" s="75"/>
      <c r="G28" s="75"/>
      <c r="H28" s="75"/>
      <c r="I28" s="75"/>
      <c r="J28" s="75"/>
      <c r="K28" s="75"/>
      <c r="L28" s="75"/>
      <c r="M28" s="75"/>
      <c r="N28" s="75"/>
      <c r="O28" s="75"/>
      <c r="P28" s="75"/>
      <c r="Q28" s="75"/>
      <c r="R28" s="75"/>
      <c r="S28" s="75"/>
      <c r="T28" s="75"/>
      <c r="U28" s="75"/>
      <c r="V28" s="75"/>
      <c r="W28" s="75"/>
      <c r="X28" s="75"/>
      <c r="Y28" s="75"/>
    </row>
    <row r="29" spans="1:25" s="32" customFormat="1" ht="68.849999999999994" customHeight="1" x14ac:dyDescent="0.15">
      <c r="A29" s="31"/>
      <c r="D29" s="33" t="s">
        <v>242</v>
      </c>
      <c r="E29" s="35" t="s">
        <v>243</v>
      </c>
      <c r="F29" s="36" t="s">
        <v>244</v>
      </c>
      <c r="G29" s="36" t="s">
        <v>245</v>
      </c>
      <c r="H29" s="36" t="s">
        <v>246</v>
      </c>
      <c r="I29" s="36" t="s">
        <v>247</v>
      </c>
      <c r="J29" s="36" t="s">
        <v>248</v>
      </c>
      <c r="K29" s="36" t="s">
        <v>249</v>
      </c>
      <c r="L29" s="37" t="s">
        <v>250</v>
      </c>
      <c r="M29" s="34" t="s">
        <v>251</v>
      </c>
    </row>
    <row r="30" spans="1:25" ht="21.6" x14ac:dyDescent="0.2">
      <c r="B30" s="76" t="s">
        <v>37</v>
      </c>
      <c r="C30" s="38" t="s">
        <v>58</v>
      </c>
      <c r="D30" s="51">
        <v>609</v>
      </c>
      <c r="E30" s="52">
        <v>4.0999999999999996</v>
      </c>
      <c r="F30" s="52">
        <v>2.5</v>
      </c>
      <c r="G30" s="52">
        <v>2.6</v>
      </c>
      <c r="H30" s="52">
        <v>3.8</v>
      </c>
      <c r="I30" s="52">
        <v>1.3</v>
      </c>
      <c r="J30" s="52">
        <v>1.1000000000000001</v>
      </c>
      <c r="K30" s="52">
        <v>0.2</v>
      </c>
      <c r="L30" s="53">
        <v>84.4</v>
      </c>
    </row>
    <row r="31" spans="1:25" ht="21.6" x14ac:dyDescent="0.2">
      <c r="B31" s="76"/>
      <c r="C31" s="39" t="s">
        <v>59</v>
      </c>
      <c r="D31" s="45">
        <v>1391</v>
      </c>
      <c r="E31" s="46">
        <v>2.7</v>
      </c>
      <c r="F31" s="46">
        <v>1.8</v>
      </c>
      <c r="G31" s="46">
        <v>1.3</v>
      </c>
      <c r="H31" s="46">
        <v>0.8</v>
      </c>
      <c r="I31" s="46">
        <v>2.5</v>
      </c>
      <c r="J31" s="46">
        <v>0.2</v>
      </c>
      <c r="K31" s="46">
        <v>0.6</v>
      </c>
      <c r="L31" s="47">
        <v>90.1</v>
      </c>
    </row>
    <row r="32" spans="1:25" x14ac:dyDescent="0.2">
      <c r="B32" s="76"/>
      <c r="C32" s="39" t="s">
        <v>60</v>
      </c>
      <c r="D32" s="45">
        <v>1325</v>
      </c>
      <c r="E32" s="46">
        <v>3.5</v>
      </c>
      <c r="F32" s="46">
        <v>2.2999999999999998</v>
      </c>
      <c r="G32" s="46">
        <v>1.6</v>
      </c>
      <c r="H32" s="46">
        <v>1.7</v>
      </c>
      <c r="I32" s="46">
        <v>2.5</v>
      </c>
      <c r="J32" s="46">
        <v>0.3</v>
      </c>
      <c r="K32" s="46">
        <v>0.5</v>
      </c>
      <c r="L32" s="47">
        <v>87.6</v>
      </c>
    </row>
    <row r="33" spans="2:12" x14ac:dyDescent="0.2">
      <c r="B33" s="76"/>
      <c r="C33" s="39" t="s">
        <v>61</v>
      </c>
      <c r="D33" s="45">
        <v>675</v>
      </c>
      <c r="E33" s="46">
        <v>2.4</v>
      </c>
      <c r="F33" s="46">
        <v>1.3</v>
      </c>
      <c r="G33" s="46">
        <v>1.9</v>
      </c>
      <c r="H33" s="46">
        <v>1.6</v>
      </c>
      <c r="I33" s="46">
        <v>1.5</v>
      </c>
      <c r="J33" s="46">
        <v>0.9</v>
      </c>
      <c r="K33" s="46">
        <v>0.6</v>
      </c>
      <c r="L33" s="47">
        <v>89.8</v>
      </c>
    </row>
    <row r="34" spans="2:12" x14ac:dyDescent="0.2">
      <c r="B34" s="76"/>
      <c r="C34" s="39" t="s">
        <v>62</v>
      </c>
      <c r="D34" s="45">
        <v>1086</v>
      </c>
      <c r="E34" s="46">
        <v>4</v>
      </c>
      <c r="F34" s="46">
        <v>2.8</v>
      </c>
      <c r="G34" s="46">
        <v>2.2000000000000002</v>
      </c>
      <c r="H34" s="46">
        <v>2.2999999999999998</v>
      </c>
      <c r="I34" s="46">
        <v>2.2999999999999998</v>
      </c>
      <c r="J34" s="46">
        <v>0.6</v>
      </c>
      <c r="K34" s="46">
        <v>0.3</v>
      </c>
      <c r="L34" s="47">
        <v>85.6</v>
      </c>
    </row>
    <row r="35" spans="2:12" ht="21.6" x14ac:dyDescent="0.2">
      <c r="B35" s="76"/>
      <c r="C35" s="39" t="s">
        <v>63</v>
      </c>
      <c r="D35" s="45">
        <v>203</v>
      </c>
      <c r="E35" s="46">
        <v>2</v>
      </c>
      <c r="F35" s="46">
        <v>3</v>
      </c>
      <c r="G35" s="46">
        <v>2</v>
      </c>
      <c r="H35" s="46">
        <v>3.9</v>
      </c>
      <c r="I35" s="46">
        <v>2.5</v>
      </c>
      <c r="J35" s="46">
        <v>1</v>
      </c>
      <c r="K35" s="46">
        <v>0.5</v>
      </c>
      <c r="L35" s="47">
        <v>85.2</v>
      </c>
    </row>
    <row r="36" spans="2:12" x14ac:dyDescent="0.2">
      <c r="B36" s="76"/>
      <c r="C36" s="39" t="s">
        <v>64</v>
      </c>
      <c r="D36" s="45">
        <v>263</v>
      </c>
      <c r="E36" s="46">
        <v>3</v>
      </c>
      <c r="F36" s="46">
        <v>3.8</v>
      </c>
      <c r="G36" s="46">
        <v>2.7</v>
      </c>
      <c r="H36" s="46">
        <v>2.2999999999999998</v>
      </c>
      <c r="I36" s="46">
        <v>2.2999999999999998</v>
      </c>
      <c r="J36" s="46">
        <v>1.1000000000000001</v>
      </c>
      <c r="K36" s="46">
        <v>0.4</v>
      </c>
      <c r="L36" s="47">
        <v>84.4</v>
      </c>
    </row>
    <row r="37" spans="2:12" x14ac:dyDescent="0.2">
      <c r="B37" s="76"/>
      <c r="C37" s="39" t="s">
        <v>65</v>
      </c>
      <c r="D37" s="45">
        <v>312</v>
      </c>
      <c r="E37" s="46">
        <v>4.2</v>
      </c>
      <c r="F37" s="46">
        <v>2.6</v>
      </c>
      <c r="G37" s="46">
        <v>2.2000000000000002</v>
      </c>
      <c r="H37" s="46">
        <v>1.6</v>
      </c>
      <c r="I37" s="46">
        <v>2.6</v>
      </c>
      <c r="J37" s="46">
        <v>0.3</v>
      </c>
      <c r="K37" s="46">
        <v>0.3</v>
      </c>
      <c r="L37" s="47">
        <v>86.2</v>
      </c>
    </row>
    <row r="38" spans="2:12" x14ac:dyDescent="0.2">
      <c r="B38" s="76"/>
      <c r="C38" s="39" t="s">
        <v>66</v>
      </c>
      <c r="D38" s="45">
        <v>230</v>
      </c>
      <c r="E38" s="46">
        <v>6.5</v>
      </c>
      <c r="F38" s="46">
        <v>2.2000000000000002</v>
      </c>
      <c r="G38" s="46">
        <v>0.9</v>
      </c>
      <c r="H38" s="46">
        <v>2.6</v>
      </c>
      <c r="I38" s="46">
        <v>1.7</v>
      </c>
      <c r="J38" s="46">
        <v>0</v>
      </c>
      <c r="K38" s="46">
        <v>0</v>
      </c>
      <c r="L38" s="47">
        <v>86.1</v>
      </c>
    </row>
    <row r="39" spans="2:12" x14ac:dyDescent="0.2">
      <c r="B39" s="76"/>
      <c r="C39" s="39" t="s">
        <v>67</v>
      </c>
      <c r="D39" s="45">
        <v>78</v>
      </c>
      <c r="E39" s="46">
        <v>3.8</v>
      </c>
      <c r="F39" s="46">
        <v>1.3</v>
      </c>
      <c r="G39" s="46">
        <v>5.0999999999999996</v>
      </c>
      <c r="H39" s="46">
        <v>0</v>
      </c>
      <c r="I39" s="46">
        <v>2.6</v>
      </c>
      <c r="J39" s="46">
        <v>0</v>
      </c>
      <c r="K39" s="46">
        <v>0</v>
      </c>
      <c r="L39" s="47">
        <v>87.2</v>
      </c>
    </row>
    <row r="40" spans="2:12" x14ac:dyDescent="0.2">
      <c r="B40" s="76"/>
      <c r="C40" s="39" t="s">
        <v>68</v>
      </c>
      <c r="D40" s="45">
        <v>897</v>
      </c>
      <c r="E40" s="46">
        <v>4.5</v>
      </c>
      <c r="F40" s="46">
        <v>3.2</v>
      </c>
      <c r="G40" s="46">
        <v>2.5</v>
      </c>
      <c r="H40" s="46">
        <v>2.8</v>
      </c>
      <c r="I40" s="46">
        <v>2.6</v>
      </c>
      <c r="J40" s="46">
        <v>0.6</v>
      </c>
      <c r="K40" s="46">
        <v>0.3</v>
      </c>
      <c r="L40" s="47">
        <v>83.6</v>
      </c>
    </row>
    <row r="41" spans="2:12" x14ac:dyDescent="0.2">
      <c r="B41" s="76"/>
      <c r="C41" s="39" t="s">
        <v>69</v>
      </c>
      <c r="D41" s="45">
        <v>189</v>
      </c>
      <c r="E41" s="46">
        <v>1.6</v>
      </c>
      <c r="F41" s="46">
        <v>0.5</v>
      </c>
      <c r="G41" s="46">
        <v>1.1000000000000001</v>
      </c>
      <c r="H41" s="46">
        <v>0</v>
      </c>
      <c r="I41" s="46">
        <v>1.1000000000000001</v>
      </c>
      <c r="J41" s="46">
        <v>0.5</v>
      </c>
      <c r="K41" s="46">
        <v>0</v>
      </c>
      <c r="L41" s="47">
        <v>95.2</v>
      </c>
    </row>
    <row r="42" spans="2:12" x14ac:dyDescent="0.2">
      <c r="B42" s="76"/>
      <c r="C42" s="39" t="s">
        <v>70</v>
      </c>
      <c r="D42" s="45">
        <v>914</v>
      </c>
      <c r="E42" s="46">
        <v>2.1</v>
      </c>
      <c r="F42" s="46">
        <v>1.1000000000000001</v>
      </c>
      <c r="G42" s="46">
        <v>1.1000000000000001</v>
      </c>
      <c r="H42" s="46">
        <v>1</v>
      </c>
      <c r="I42" s="46">
        <v>2</v>
      </c>
      <c r="J42" s="46">
        <v>0.4</v>
      </c>
      <c r="K42" s="46">
        <v>0.8</v>
      </c>
      <c r="L42" s="47">
        <v>91.6</v>
      </c>
    </row>
    <row r="43" spans="2:12" ht="21.6" x14ac:dyDescent="0.2">
      <c r="B43" s="76"/>
      <c r="C43" s="39" t="s">
        <v>63</v>
      </c>
      <c r="D43" s="45">
        <v>193</v>
      </c>
      <c r="E43" s="46">
        <v>2.1</v>
      </c>
      <c r="F43" s="46">
        <v>0.5</v>
      </c>
      <c r="G43" s="46">
        <v>1.6</v>
      </c>
      <c r="H43" s="46">
        <v>1.6</v>
      </c>
      <c r="I43" s="46">
        <v>1.6</v>
      </c>
      <c r="J43" s="46">
        <v>1</v>
      </c>
      <c r="K43" s="46">
        <v>0.5</v>
      </c>
      <c r="L43" s="47">
        <v>91.2</v>
      </c>
    </row>
    <row r="44" spans="2:12" x14ac:dyDescent="0.2">
      <c r="B44" s="76"/>
      <c r="C44" s="39" t="s">
        <v>64</v>
      </c>
      <c r="D44" s="45">
        <v>203</v>
      </c>
      <c r="E44" s="46">
        <v>2.5</v>
      </c>
      <c r="F44" s="46">
        <v>1.5</v>
      </c>
      <c r="G44" s="46">
        <v>0.5</v>
      </c>
      <c r="H44" s="46">
        <v>0</v>
      </c>
      <c r="I44" s="46">
        <v>1</v>
      </c>
      <c r="J44" s="46">
        <v>0.5</v>
      </c>
      <c r="K44" s="46">
        <v>0</v>
      </c>
      <c r="L44" s="47">
        <v>94.1</v>
      </c>
    </row>
    <row r="45" spans="2:12" x14ac:dyDescent="0.2">
      <c r="B45" s="76"/>
      <c r="C45" s="39" t="s">
        <v>65</v>
      </c>
      <c r="D45" s="45">
        <v>263</v>
      </c>
      <c r="E45" s="46">
        <v>2.2999999999999998</v>
      </c>
      <c r="F45" s="46">
        <v>1.5</v>
      </c>
      <c r="G45" s="46">
        <v>1.1000000000000001</v>
      </c>
      <c r="H45" s="46">
        <v>1.5</v>
      </c>
      <c r="I45" s="46">
        <v>3</v>
      </c>
      <c r="J45" s="46">
        <v>0.4</v>
      </c>
      <c r="K45" s="46">
        <v>0.4</v>
      </c>
      <c r="L45" s="47">
        <v>89.7</v>
      </c>
    </row>
    <row r="46" spans="2:12" x14ac:dyDescent="0.2">
      <c r="B46" s="76"/>
      <c r="C46" s="39" t="s">
        <v>66</v>
      </c>
      <c r="D46" s="45">
        <v>194</v>
      </c>
      <c r="E46" s="46">
        <v>1.5</v>
      </c>
      <c r="F46" s="46">
        <v>1</v>
      </c>
      <c r="G46" s="46">
        <v>1</v>
      </c>
      <c r="H46" s="46">
        <v>1</v>
      </c>
      <c r="I46" s="46">
        <v>2.1</v>
      </c>
      <c r="J46" s="46">
        <v>0</v>
      </c>
      <c r="K46" s="46">
        <v>1</v>
      </c>
      <c r="L46" s="47">
        <v>92.3</v>
      </c>
    </row>
    <row r="47" spans="2:12" x14ac:dyDescent="0.2">
      <c r="B47" s="76"/>
      <c r="C47" s="39" t="s">
        <v>67</v>
      </c>
      <c r="D47" s="45">
        <v>61</v>
      </c>
      <c r="E47" s="46">
        <v>1.6</v>
      </c>
      <c r="F47" s="46">
        <v>0</v>
      </c>
      <c r="G47" s="46">
        <v>1.6</v>
      </c>
      <c r="H47" s="46">
        <v>0</v>
      </c>
      <c r="I47" s="46">
        <v>1.6</v>
      </c>
      <c r="J47" s="46">
        <v>0</v>
      </c>
      <c r="K47" s="46">
        <v>4.9000000000000004</v>
      </c>
      <c r="L47" s="47">
        <v>90.2</v>
      </c>
    </row>
    <row r="48" spans="2:12" x14ac:dyDescent="0.2">
      <c r="B48" s="76"/>
      <c r="C48" s="39" t="s">
        <v>68</v>
      </c>
      <c r="D48" s="45">
        <v>416</v>
      </c>
      <c r="E48" s="46">
        <v>3.8</v>
      </c>
      <c r="F48" s="46">
        <v>1.7</v>
      </c>
      <c r="G48" s="46">
        <v>1.2</v>
      </c>
      <c r="H48" s="46">
        <v>1.7</v>
      </c>
      <c r="I48" s="46">
        <v>2.9</v>
      </c>
      <c r="J48" s="46">
        <v>0.7</v>
      </c>
      <c r="K48" s="46">
        <v>0.7</v>
      </c>
      <c r="L48" s="47">
        <v>87.3</v>
      </c>
    </row>
    <row r="49" spans="1:25" x14ac:dyDescent="0.2">
      <c r="B49" s="76"/>
      <c r="C49" s="40" t="s">
        <v>69</v>
      </c>
      <c r="D49" s="48">
        <v>498</v>
      </c>
      <c r="E49" s="49">
        <v>0.6</v>
      </c>
      <c r="F49" s="49">
        <v>0.6</v>
      </c>
      <c r="G49" s="49">
        <v>1</v>
      </c>
      <c r="H49" s="49">
        <v>0.4</v>
      </c>
      <c r="I49" s="49">
        <v>1.2</v>
      </c>
      <c r="J49" s="49">
        <v>0.2</v>
      </c>
      <c r="K49" s="49">
        <v>0.8</v>
      </c>
      <c r="L49" s="50">
        <v>95.2</v>
      </c>
    </row>
    <row r="50" spans="1:25" x14ac:dyDescent="0.2">
      <c r="B50" s="7" t="s">
        <v>71</v>
      </c>
      <c r="C50" s="4" t="s">
        <v>72</v>
      </c>
    </row>
    <row r="51" spans="1:25" x14ac:dyDescent="0.2">
      <c r="B51" s="4"/>
      <c r="C51" s="4" t="s">
        <v>73</v>
      </c>
    </row>
    <row r="53" spans="1:25" x14ac:dyDescent="0.2">
      <c r="A53" s="26" t="s">
        <v>25</v>
      </c>
      <c r="B53" t="s">
        <v>35</v>
      </c>
      <c r="C53" t="s">
        <v>35</v>
      </c>
    </row>
    <row r="54" spans="1:25" x14ac:dyDescent="0.2">
      <c r="B54" s="74" t="s">
        <v>74</v>
      </c>
      <c r="C54" s="75"/>
      <c r="D54" s="75"/>
      <c r="E54" s="75"/>
      <c r="F54" s="75"/>
      <c r="G54" s="75"/>
      <c r="H54" s="75"/>
      <c r="I54" s="75"/>
      <c r="J54" s="75"/>
      <c r="K54" s="75"/>
      <c r="L54" s="75"/>
      <c r="M54" s="75"/>
      <c r="N54" s="75"/>
      <c r="O54" s="75"/>
      <c r="P54" s="75"/>
      <c r="Q54" s="75"/>
      <c r="R54" s="75"/>
      <c r="S54" s="75"/>
      <c r="T54" s="75"/>
      <c r="U54" s="75"/>
      <c r="V54" s="75"/>
      <c r="W54" s="75"/>
      <c r="X54" s="75"/>
      <c r="Y54" s="75"/>
    </row>
    <row r="55" spans="1:25" s="32" customFormat="1" ht="68.849999999999994" customHeight="1" x14ac:dyDescent="0.15">
      <c r="A55" s="31"/>
      <c r="D55" s="33" t="s">
        <v>242</v>
      </c>
      <c r="E55" s="35" t="s">
        <v>243</v>
      </c>
      <c r="F55" s="36" t="s">
        <v>244</v>
      </c>
      <c r="G55" s="36" t="s">
        <v>245</v>
      </c>
      <c r="H55" s="36" t="s">
        <v>246</v>
      </c>
      <c r="I55" s="36" t="s">
        <v>247</v>
      </c>
      <c r="J55" s="36" t="s">
        <v>248</v>
      </c>
      <c r="K55" s="36" t="s">
        <v>249</v>
      </c>
      <c r="L55" s="37" t="s">
        <v>250</v>
      </c>
      <c r="M55" s="34" t="s">
        <v>251</v>
      </c>
    </row>
    <row r="56" spans="1:25" x14ac:dyDescent="0.2">
      <c r="B56" s="5"/>
      <c r="C56" s="41" t="s">
        <v>38</v>
      </c>
      <c r="D56" s="42">
        <v>2000</v>
      </c>
      <c r="E56" s="43">
        <v>6.2</v>
      </c>
      <c r="F56" s="43">
        <v>5.5</v>
      </c>
      <c r="G56" s="43">
        <v>5.9</v>
      </c>
      <c r="H56" s="43">
        <v>5.4</v>
      </c>
      <c r="I56" s="43">
        <v>8.5</v>
      </c>
      <c r="J56" s="43">
        <v>0.7</v>
      </c>
      <c r="K56" s="43">
        <v>1.1000000000000001</v>
      </c>
      <c r="L56" s="44">
        <v>66.900000000000006</v>
      </c>
    </row>
    <row r="57" spans="1:25" x14ac:dyDescent="0.2">
      <c r="B57" s="76" t="s">
        <v>37</v>
      </c>
      <c r="C57" s="39" t="s">
        <v>39</v>
      </c>
      <c r="D57" s="45">
        <v>111</v>
      </c>
      <c r="E57" s="46">
        <v>9.9</v>
      </c>
      <c r="F57" s="46">
        <v>8.1</v>
      </c>
      <c r="G57" s="46">
        <v>3.6</v>
      </c>
      <c r="H57" s="46">
        <v>8.1</v>
      </c>
      <c r="I57" s="46">
        <v>4.5</v>
      </c>
      <c r="J57" s="46">
        <v>0.9</v>
      </c>
      <c r="K57" s="46">
        <v>0</v>
      </c>
      <c r="L57" s="47">
        <v>64.900000000000006</v>
      </c>
    </row>
    <row r="58" spans="1:25" x14ac:dyDescent="0.2">
      <c r="B58" s="76"/>
      <c r="C58" s="39" t="s">
        <v>40</v>
      </c>
      <c r="D58" s="45">
        <v>450</v>
      </c>
      <c r="E58" s="46">
        <v>8.1999999999999993</v>
      </c>
      <c r="F58" s="46">
        <v>7.1</v>
      </c>
      <c r="G58" s="46">
        <v>7.3</v>
      </c>
      <c r="H58" s="46">
        <v>7.6</v>
      </c>
      <c r="I58" s="46">
        <v>9.1</v>
      </c>
      <c r="J58" s="46">
        <v>0.7</v>
      </c>
      <c r="K58" s="46">
        <v>0.7</v>
      </c>
      <c r="L58" s="47">
        <v>59.3</v>
      </c>
    </row>
    <row r="59" spans="1:25" ht="21.6" x14ac:dyDescent="0.2">
      <c r="B59" s="76"/>
      <c r="C59" s="39" t="s">
        <v>41</v>
      </c>
      <c r="D59" s="45">
        <v>30</v>
      </c>
      <c r="E59" s="46">
        <v>13.3</v>
      </c>
      <c r="F59" s="46">
        <v>6.7</v>
      </c>
      <c r="G59" s="46">
        <v>10</v>
      </c>
      <c r="H59" s="46">
        <v>3.3</v>
      </c>
      <c r="I59" s="46">
        <v>6.7</v>
      </c>
      <c r="J59" s="46">
        <v>0</v>
      </c>
      <c r="K59" s="46">
        <v>0</v>
      </c>
      <c r="L59" s="47">
        <v>60</v>
      </c>
    </row>
    <row r="60" spans="1:25" ht="21.6" x14ac:dyDescent="0.2">
      <c r="B60" s="76"/>
      <c r="C60" s="39" t="s">
        <v>42</v>
      </c>
      <c r="D60" s="45">
        <v>336</v>
      </c>
      <c r="E60" s="46">
        <v>7.1</v>
      </c>
      <c r="F60" s="46">
        <v>5.0999999999999996</v>
      </c>
      <c r="G60" s="46">
        <v>5.7</v>
      </c>
      <c r="H60" s="46">
        <v>8.6</v>
      </c>
      <c r="I60" s="46">
        <v>18.8</v>
      </c>
      <c r="J60" s="46">
        <v>1.2</v>
      </c>
      <c r="K60" s="46">
        <v>2.4</v>
      </c>
      <c r="L60" s="47">
        <v>51.2</v>
      </c>
    </row>
    <row r="61" spans="1:25" ht="21.6" x14ac:dyDescent="0.2">
      <c r="B61" s="76"/>
      <c r="C61" s="39" t="s">
        <v>43</v>
      </c>
      <c r="D61" s="45">
        <v>327</v>
      </c>
      <c r="E61" s="46">
        <v>1.8</v>
      </c>
      <c r="F61" s="46">
        <v>4.5999999999999996</v>
      </c>
      <c r="G61" s="46">
        <v>4.3</v>
      </c>
      <c r="H61" s="46">
        <v>1.2</v>
      </c>
      <c r="I61" s="46">
        <v>4</v>
      </c>
      <c r="J61" s="46">
        <v>0.3</v>
      </c>
      <c r="K61" s="46">
        <v>0.6</v>
      </c>
      <c r="L61" s="47">
        <v>83.2</v>
      </c>
    </row>
    <row r="62" spans="1:25" ht="21.6" x14ac:dyDescent="0.2">
      <c r="B62" s="76"/>
      <c r="C62" s="39" t="s">
        <v>44</v>
      </c>
      <c r="D62" s="45">
        <v>181</v>
      </c>
      <c r="E62" s="46">
        <v>10.5</v>
      </c>
      <c r="F62" s="46">
        <v>8.8000000000000007</v>
      </c>
      <c r="G62" s="46">
        <v>10.5</v>
      </c>
      <c r="H62" s="46">
        <v>3.9</v>
      </c>
      <c r="I62" s="46">
        <v>5</v>
      </c>
      <c r="J62" s="46">
        <v>0.6</v>
      </c>
      <c r="K62" s="46">
        <v>1.1000000000000001</v>
      </c>
      <c r="L62" s="47">
        <v>59.7</v>
      </c>
    </row>
    <row r="63" spans="1:25" ht="21.6" x14ac:dyDescent="0.2">
      <c r="B63" s="76"/>
      <c r="C63" s="39" t="s">
        <v>45</v>
      </c>
      <c r="D63" s="45">
        <v>565</v>
      </c>
      <c r="E63" s="46">
        <v>4.0999999999999996</v>
      </c>
      <c r="F63" s="46">
        <v>3.2</v>
      </c>
      <c r="G63" s="46">
        <v>4.4000000000000004</v>
      </c>
      <c r="H63" s="46">
        <v>4.2</v>
      </c>
      <c r="I63" s="46">
        <v>6.5</v>
      </c>
      <c r="J63" s="46">
        <v>0.5</v>
      </c>
      <c r="K63" s="46">
        <v>1.2</v>
      </c>
      <c r="L63" s="47">
        <v>75.8</v>
      </c>
    </row>
    <row r="64" spans="1:25" ht="21.6" x14ac:dyDescent="0.2">
      <c r="B64" s="76"/>
      <c r="C64" s="39" t="s">
        <v>46</v>
      </c>
      <c r="D64" s="45">
        <v>473</v>
      </c>
      <c r="E64" s="46">
        <v>3</v>
      </c>
      <c r="F64" s="46">
        <v>3.8</v>
      </c>
      <c r="G64" s="46">
        <v>3.8</v>
      </c>
      <c r="H64" s="46">
        <v>2.7</v>
      </c>
      <c r="I64" s="46">
        <v>4.9000000000000004</v>
      </c>
      <c r="J64" s="46">
        <v>0.4</v>
      </c>
      <c r="K64" s="46">
        <v>1.1000000000000001</v>
      </c>
      <c r="L64" s="47">
        <v>80.3</v>
      </c>
    </row>
    <row r="65" spans="2:25" ht="21.6" x14ac:dyDescent="0.2">
      <c r="B65" s="76"/>
      <c r="C65" s="39" t="s">
        <v>47</v>
      </c>
      <c r="D65" s="45">
        <v>441</v>
      </c>
      <c r="E65" s="46">
        <v>6.8</v>
      </c>
      <c r="F65" s="46">
        <v>4.3</v>
      </c>
      <c r="G65" s="46">
        <v>5.4</v>
      </c>
      <c r="H65" s="46">
        <v>3.9</v>
      </c>
      <c r="I65" s="46">
        <v>7.5</v>
      </c>
      <c r="J65" s="46">
        <v>0.7</v>
      </c>
      <c r="K65" s="46">
        <v>0.7</v>
      </c>
      <c r="L65" s="47">
        <v>70.7</v>
      </c>
    </row>
    <row r="66" spans="2:25" ht="21.6" x14ac:dyDescent="0.2">
      <c r="B66" s="76"/>
      <c r="C66" s="39" t="s">
        <v>48</v>
      </c>
      <c r="D66" s="45">
        <v>305</v>
      </c>
      <c r="E66" s="46">
        <v>7.5</v>
      </c>
      <c r="F66" s="46">
        <v>4.9000000000000004</v>
      </c>
      <c r="G66" s="46">
        <v>6.2</v>
      </c>
      <c r="H66" s="46">
        <v>9.1999999999999993</v>
      </c>
      <c r="I66" s="46">
        <v>11.5</v>
      </c>
      <c r="J66" s="46">
        <v>1</v>
      </c>
      <c r="K66" s="46">
        <v>1.3</v>
      </c>
      <c r="L66" s="47">
        <v>58.4</v>
      </c>
    </row>
    <row r="67" spans="2:25" ht="21.6" x14ac:dyDescent="0.2">
      <c r="B67" s="76"/>
      <c r="C67" s="39" t="s">
        <v>49</v>
      </c>
      <c r="D67" s="45">
        <v>223</v>
      </c>
      <c r="E67" s="46">
        <v>10.8</v>
      </c>
      <c r="F67" s="46">
        <v>6.7</v>
      </c>
      <c r="G67" s="46">
        <v>5.8</v>
      </c>
      <c r="H67" s="46">
        <v>7.6</v>
      </c>
      <c r="I67" s="46">
        <v>13.5</v>
      </c>
      <c r="J67" s="46">
        <v>0.9</v>
      </c>
      <c r="K67" s="46">
        <v>0.9</v>
      </c>
      <c r="L67" s="47">
        <v>53.8</v>
      </c>
    </row>
    <row r="68" spans="2:25" ht="21.6" x14ac:dyDescent="0.2">
      <c r="B68" s="76"/>
      <c r="C68" s="39" t="s">
        <v>50</v>
      </c>
      <c r="D68" s="45">
        <v>123</v>
      </c>
      <c r="E68" s="46">
        <v>8.9</v>
      </c>
      <c r="F68" s="46">
        <v>13</v>
      </c>
      <c r="G68" s="46">
        <v>7.3</v>
      </c>
      <c r="H68" s="46">
        <v>11.4</v>
      </c>
      <c r="I68" s="46">
        <v>13</v>
      </c>
      <c r="J68" s="46">
        <v>2.4</v>
      </c>
      <c r="K68" s="46">
        <v>4.0999999999999996</v>
      </c>
      <c r="L68" s="47">
        <v>39.799999999999997</v>
      </c>
    </row>
    <row r="69" spans="2:25" ht="21.6" x14ac:dyDescent="0.2">
      <c r="B69" s="76"/>
      <c r="C69" s="39" t="s">
        <v>51</v>
      </c>
      <c r="D69" s="45">
        <v>124</v>
      </c>
      <c r="E69" s="46">
        <v>7.3</v>
      </c>
      <c r="F69" s="46">
        <v>12.9</v>
      </c>
      <c r="G69" s="46">
        <v>13.7</v>
      </c>
      <c r="H69" s="46">
        <v>7.3</v>
      </c>
      <c r="I69" s="46">
        <v>14.5</v>
      </c>
      <c r="J69" s="46">
        <v>0</v>
      </c>
      <c r="K69" s="46">
        <v>1.6</v>
      </c>
      <c r="L69" s="47">
        <v>42.7</v>
      </c>
    </row>
    <row r="70" spans="2:25" ht="21.6" x14ac:dyDescent="0.2">
      <c r="B70" s="76"/>
      <c r="C70" s="39" t="s">
        <v>52</v>
      </c>
      <c r="D70" s="45">
        <v>312</v>
      </c>
      <c r="E70" s="46">
        <v>5.0999999999999996</v>
      </c>
      <c r="F70" s="46">
        <v>1</v>
      </c>
      <c r="G70" s="46">
        <v>3.5</v>
      </c>
      <c r="H70" s="46">
        <v>3.8</v>
      </c>
      <c r="I70" s="46">
        <v>4.5</v>
      </c>
      <c r="J70" s="46">
        <v>0</v>
      </c>
      <c r="K70" s="46">
        <v>0.6</v>
      </c>
      <c r="L70" s="47">
        <v>81.400000000000006</v>
      </c>
    </row>
    <row r="71" spans="2:25" x14ac:dyDescent="0.2">
      <c r="B71" s="76"/>
      <c r="C71" s="39" t="s">
        <v>53</v>
      </c>
      <c r="D71" s="45">
        <v>269</v>
      </c>
      <c r="E71" s="46">
        <v>2.6</v>
      </c>
      <c r="F71" s="46">
        <v>5.6</v>
      </c>
      <c r="G71" s="46">
        <v>4.5</v>
      </c>
      <c r="H71" s="46">
        <v>2.6</v>
      </c>
      <c r="I71" s="46">
        <v>3.3</v>
      </c>
      <c r="J71" s="46">
        <v>0.4</v>
      </c>
      <c r="K71" s="46">
        <v>1.1000000000000001</v>
      </c>
      <c r="L71" s="47">
        <v>79.900000000000006</v>
      </c>
    </row>
    <row r="72" spans="2:25" ht="21.6" x14ac:dyDescent="0.2">
      <c r="B72" s="76"/>
      <c r="C72" s="39" t="s">
        <v>54</v>
      </c>
      <c r="D72" s="45">
        <v>511</v>
      </c>
      <c r="E72" s="46">
        <v>7</v>
      </c>
      <c r="F72" s="46">
        <v>7.2</v>
      </c>
      <c r="G72" s="46">
        <v>7</v>
      </c>
      <c r="H72" s="46">
        <v>6.1</v>
      </c>
      <c r="I72" s="46">
        <v>10.199999999999999</v>
      </c>
      <c r="J72" s="46">
        <v>1</v>
      </c>
      <c r="K72" s="46">
        <v>0.6</v>
      </c>
      <c r="L72" s="47">
        <v>60.9</v>
      </c>
    </row>
    <row r="73" spans="2:25" ht="21.6" x14ac:dyDescent="0.2">
      <c r="B73" s="76"/>
      <c r="C73" s="39" t="s">
        <v>55</v>
      </c>
      <c r="D73" s="45">
        <v>615</v>
      </c>
      <c r="E73" s="46">
        <v>9.6</v>
      </c>
      <c r="F73" s="46">
        <v>7.8</v>
      </c>
      <c r="G73" s="46">
        <v>8</v>
      </c>
      <c r="H73" s="46">
        <v>8.8000000000000007</v>
      </c>
      <c r="I73" s="46">
        <v>13.7</v>
      </c>
      <c r="J73" s="46">
        <v>1</v>
      </c>
      <c r="K73" s="46">
        <v>2</v>
      </c>
      <c r="L73" s="47">
        <v>49.3</v>
      </c>
    </row>
    <row r="74" spans="2:25" ht="21.6" x14ac:dyDescent="0.2">
      <c r="B74" s="76"/>
      <c r="C74" s="39" t="s">
        <v>56</v>
      </c>
      <c r="D74" s="45">
        <v>800</v>
      </c>
      <c r="E74" s="46">
        <v>9.1</v>
      </c>
      <c r="F74" s="46">
        <v>7</v>
      </c>
      <c r="G74" s="46">
        <v>7.8</v>
      </c>
      <c r="H74" s="46">
        <v>7.3</v>
      </c>
      <c r="I74" s="46">
        <v>11.1</v>
      </c>
      <c r="J74" s="46">
        <v>0.6</v>
      </c>
      <c r="K74" s="46">
        <v>0.9</v>
      </c>
      <c r="L74" s="47">
        <v>56.3</v>
      </c>
    </row>
    <row r="75" spans="2:25" x14ac:dyDescent="0.2">
      <c r="B75" s="76"/>
      <c r="C75" s="40" t="s">
        <v>57</v>
      </c>
      <c r="D75" s="48">
        <v>798</v>
      </c>
      <c r="E75" s="49">
        <v>5</v>
      </c>
      <c r="F75" s="49">
        <v>5.3</v>
      </c>
      <c r="G75" s="49">
        <v>5</v>
      </c>
      <c r="H75" s="49">
        <v>5.9</v>
      </c>
      <c r="I75" s="49">
        <v>7.1</v>
      </c>
      <c r="J75" s="49">
        <v>0.8</v>
      </c>
      <c r="K75" s="49">
        <v>1.6</v>
      </c>
      <c r="L75" s="50">
        <v>69.3</v>
      </c>
    </row>
    <row r="76" spans="2:25" x14ac:dyDescent="0.2">
      <c r="B76" s="7" t="s">
        <v>71</v>
      </c>
      <c r="C76" s="4" t="s">
        <v>75</v>
      </c>
    </row>
    <row r="77" spans="2:25" x14ac:dyDescent="0.2">
      <c r="B77" s="4"/>
      <c r="C77" s="4" t="s">
        <v>73</v>
      </c>
    </row>
    <row r="79" spans="2:25" x14ac:dyDescent="0.2">
      <c r="C79" t="s">
        <v>35</v>
      </c>
    </row>
    <row r="80" spans="2:25" x14ac:dyDescent="0.2">
      <c r="B80" s="74" t="s">
        <v>178</v>
      </c>
      <c r="C80" s="75"/>
      <c r="D80" s="75"/>
      <c r="E80" s="75"/>
      <c r="F80" s="75"/>
      <c r="G80" s="75"/>
      <c r="H80" s="75"/>
      <c r="I80" s="75"/>
      <c r="J80" s="75"/>
      <c r="K80" s="75"/>
      <c r="L80" s="75"/>
      <c r="M80" s="75"/>
      <c r="N80" s="75"/>
      <c r="O80" s="75"/>
      <c r="P80" s="75"/>
      <c r="Q80" s="75"/>
      <c r="R80" s="75"/>
      <c r="S80" s="75"/>
      <c r="T80" s="75"/>
      <c r="U80" s="75"/>
      <c r="V80" s="75"/>
      <c r="W80" s="75"/>
      <c r="X80" s="75"/>
      <c r="Y80" s="75"/>
    </row>
    <row r="81" spans="1:13" s="32" customFormat="1" ht="68.849999999999994" customHeight="1" x14ac:dyDescent="0.15">
      <c r="A81" s="31"/>
      <c r="D81" s="33" t="s">
        <v>242</v>
      </c>
      <c r="E81" s="35" t="s">
        <v>243</v>
      </c>
      <c r="F81" s="36" t="s">
        <v>244</v>
      </c>
      <c r="G81" s="36" t="s">
        <v>245</v>
      </c>
      <c r="H81" s="36" t="s">
        <v>246</v>
      </c>
      <c r="I81" s="36" t="s">
        <v>247</v>
      </c>
      <c r="J81" s="36" t="s">
        <v>248</v>
      </c>
      <c r="K81" s="36" t="s">
        <v>249</v>
      </c>
      <c r="L81" s="37" t="s">
        <v>250</v>
      </c>
      <c r="M81" s="34" t="s">
        <v>251</v>
      </c>
    </row>
    <row r="82" spans="1:13" ht="21.6" x14ac:dyDescent="0.2">
      <c r="B82" s="76" t="s">
        <v>37</v>
      </c>
      <c r="C82" s="38" t="s">
        <v>58</v>
      </c>
      <c r="D82" s="51">
        <v>609</v>
      </c>
      <c r="E82" s="52">
        <v>8.6999999999999993</v>
      </c>
      <c r="F82" s="52">
        <v>6.6</v>
      </c>
      <c r="G82" s="52">
        <v>7.9</v>
      </c>
      <c r="H82" s="52">
        <v>8.4</v>
      </c>
      <c r="I82" s="52">
        <v>10.199999999999999</v>
      </c>
      <c r="J82" s="52">
        <v>0.8</v>
      </c>
      <c r="K82" s="52">
        <v>0.7</v>
      </c>
      <c r="L82" s="53">
        <v>56.8</v>
      </c>
    </row>
    <row r="83" spans="1:13" ht="21.6" x14ac:dyDescent="0.2">
      <c r="B83" s="76"/>
      <c r="C83" s="39" t="s">
        <v>59</v>
      </c>
      <c r="D83" s="45">
        <v>1391</v>
      </c>
      <c r="E83" s="46">
        <v>5.0999999999999996</v>
      </c>
      <c r="F83" s="46">
        <v>5</v>
      </c>
      <c r="G83" s="46">
        <v>5</v>
      </c>
      <c r="H83" s="46">
        <v>4.0999999999999996</v>
      </c>
      <c r="I83" s="46">
        <v>7.8</v>
      </c>
      <c r="J83" s="46">
        <v>0.6</v>
      </c>
      <c r="K83" s="46">
        <v>1.3</v>
      </c>
      <c r="L83" s="47">
        <v>71.2</v>
      </c>
    </row>
    <row r="84" spans="1:13" x14ac:dyDescent="0.2">
      <c r="B84" s="76"/>
      <c r="C84" s="39" t="s">
        <v>60</v>
      </c>
      <c r="D84" s="45">
        <v>1325</v>
      </c>
      <c r="E84" s="46">
        <v>6.2</v>
      </c>
      <c r="F84" s="46">
        <v>5.7</v>
      </c>
      <c r="G84" s="46">
        <v>7.1</v>
      </c>
      <c r="H84" s="46">
        <v>5.3</v>
      </c>
      <c r="I84" s="46">
        <v>10.4</v>
      </c>
      <c r="J84" s="46">
        <v>0.7</v>
      </c>
      <c r="K84" s="46">
        <v>1.4</v>
      </c>
      <c r="L84" s="47">
        <v>63.2</v>
      </c>
    </row>
    <row r="85" spans="1:13" x14ac:dyDescent="0.2">
      <c r="B85" s="76"/>
      <c r="C85" s="39" t="s">
        <v>61</v>
      </c>
      <c r="D85" s="45">
        <v>675</v>
      </c>
      <c r="E85" s="46">
        <v>6.2</v>
      </c>
      <c r="F85" s="46">
        <v>4.9000000000000004</v>
      </c>
      <c r="G85" s="46">
        <v>3.4</v>
      </c>
      <c r="H85" s="46">
        <v>5.6</v>
      </c>
      <c r="I85" s="46">
        <v>4.7</v>
      </c>
      <c r="J85" s="46">
        <v>0.6</v>
      </c>
      <c r="K85" s="46">
        <v>0.4</v>
      </c>
      <c r="L85" s="47">
        <v>74.099999999999994</v>
      </c>
    </row>
    <row r="86" spans="1:13" x14ac:dyDescent="0.2">
      <c r="B86" s="76"/>
      <c r="C86" s="39" t="s">
        <v>62</v>
      </c>
      <c r="D86" s="45">
        <v>1086</v>
      </c>
      <c r="E86" s="46">
        <v>7.8</v>
      </c>
      <c r="F86" s="46">
        <v>6.1</v>
      </c>
      <c r="G86" s="46">
        <v>7.3</v>
      </c>
      <c r="H86" s="46">
        <v>6.8</v>
      </c>
      <c r="I86" s="46">
        <v>9.8000000000000007</v>
      </c>
      <c r="J86" s="46">
        <v>0.7</v>
      </c>
      <c r="K86" s="46">
        <v>1.2</v>
      </c>
      <c r="L86" s="47">
        <v>60.3</v>
      </c>
    </row>
    <row r="87" spans="1:13" ht="21.6" x14ac:dyDescent="0.2">
      <c r="B87" s="76"/>
      <c r="C87" s="39" t="s">
        <v>63</v>
      </c>
      <c r="D87" s="45">
        <v>203</v>
      </c>
      <c r="E87" s="46">
        <v>4.4000000000000004</v>
      </c>
      <c r="F87" s="46">
        <v>4.4000000000000004</v>
      </c>
      <c r="G87" s="46">
        <v>6.9</v>
      </c>
      <c r="H87" s="46">
        <v>7.9</v>
      </c>
      <c r="I87" s="46">
        <v>8.4</v>
      </c>
      <c r="J87" s="46">
        <v>0</v>
      </c>
      <c r="K87" s="46">
        <v>2</v>
      </c>
      <c r="L87" s="47">
        <v>66</v>
      </c>
    </row>
    <row r="88" spans="1:13" x14ac:dyDescent="0.2">
      <c r="B88" s="76"/>
      <c r="C88" s="39" t="s">
        <v>64</v>
      </c>
      <c r="D88" s="45">
        <v>263</v>
      </c>
      <c r="E88" s="46">
        <v>9.1</v>
      </c>
      <c r="F88" s="46">
        <v>7.2</v>
      </c>
      <c r="G88" s="46">
        <v>6.8</v>
      </c>
      <c r="H88" s="46">
        <v>6.5</v>
      </c>
      <c r="I88" s="46">
        <v>10.6</v>
      </c>
      <c r="J88" s="46">
        <v>1.1000000000000001</v>
      </c>
      <c r="K88" s="46">
        <v>0.4</v>
      </c>
      <c r="L88" s="47">
        <v>58.2</v>
      </c>
    </row>
    <row r="89" spans="1:13" x14ac:dyDescent="0.2">
      <c r="B89" s="76"/>
      <c r="C89" s="39" t="s">
        <v>65</v>
      </c>
      <c r="D89" s="45">
        <v>312</v>
      </c>
      <c r="E89" s="46">
        <v>7.4</v>
      </c>
      <c r="F89" s="46">
        <v>5.0999999999999996</v>
      </c>
      <c r="G89" s="46">
        <v>6.7</v>
      </c>
      <c r="H89" s="46">
        <v>5.0999999999999996</v>
      </c>
      <c r="I89" s="46">
        <v>11.9</v>
      </c>
      <c r="J89" s="46">
        <v>1</v>
      </c>
      <c r="K89" s="46">
        <v>1</v>
      </c>
      <c r="L89" s="47">
        <v>61.9</v>
      </c>
    </row>
    <row r="90" spans="1:13" x14ac:dyDescent="0.2">
      <c r="B90" s="76"/>
      <c r="C90" s="39" t="s">
        <v>66</v>
      </c>
      <c r="D90" s="45">
        <v>230</v>
      </c>
      <c r="E90" s="46">
        <v>10.4</v>
      </c>
      <c r="F90" s="46">
        <v>8.3000000000000007</v>
      </c>
      <c r="G90" s="46">
        <v>7</v>
      </c>
      <c r="H90" s="46">
        <v>9.1</v>
      </c>
      <c r="I90" s="46">
        <v>8.3000000000000007</v>
      </c>
      <c r="J90" s="46">
        <v>0.9</v>
      </c>
      <c r="K90" s="46">
        <v>1.3</v>
      </c>
      <c r="L90" s="47">
        <v>54.8</v>
      </c>
    </row>
    <row r="91" spans="1:13" x14ac:dyDescent="0.2">
      <c r="B91" s="76"/>
      <c r="C91" s="39" t="s">
        <v>67</v>
      </c>
      <c r="D91" s="45">
        <v>78</v>
      </c>
      <c r="E91" s="46">
        <v>6.4</v>
      </c>
      <c r="F91" s="46">
        <v>3.8</v>
      </c>
      <c r="G91" s="46">
        <v>12.8</v>
      </c>
      <c r="H91" s="46">
        <v>5.0999999999999996</v>
      </c>
      <c r="I91" s="46">
        <v>6.4</v>
      </c>
      <c r="J91" s="46">
        <v>0</v>
      </c>
      <c r="K91" s="46">
        <v>2.6</v>
      </c>
      <c r="L91" s="47">
        <v>62.8</v>
      </c>
    </row>
    <row r="92" spans="1:13" x14ac:dyDescent="0.2">
      <c r="B92" s="76"/>
      <c r="C92" s="39" t="s">
        <v>68</v>
      </c>
      <c r="D92" s="45">
        <v>897</v>
      </c>
      <c r="E92" s="46">
        <v>9.3000000000000007</v>
      </c>
      <c r="F92" s="46">
        <v>7</v>
      </c>
      <c r="G92" s="46">
        <v>7.8</v>
      </c>
      <c r="H92" s="46">
        <v>7.6</v>
      </c>
      <c r="I92" s="46">
        <v>10.7</v>
      </c>
      <c r="J92" s="46">
        <v>0.9</v>
      </c>
      <c r="K92" s="46">
        <v>1.3</v>
      </c>
      <c r="L92" s="47">
        <v>55.4</v>
      </c>
    </row>
    <row r="93" spans="1:13" x14ac:dyDescent="0.2">
      <c r="B93" s="76"/>
      <c r="C93" s="39" t="s">
        <v>69</v>
      </c>
      <c r="D93" s="45">
        <v>189</v>
      </c>
      <c r="E93" s="46">
        <v>1.1000000000000001</v>
      </c>
      <c r="F93" s="46">
        <v>1.6</v>
      </c>
      <c r="G93" s="46">
        <v>4.8</v>
      </c>
      <c r="H93" s="46">
        <v>3.2</v>
      </c>
      <c r="I93" s="46">
        <v>5.3</v>
      </c>
      <c r="J93" s="46">
        <v>0</v>
      </c>
      <c r="K93" s="46">
        <v>0.5</v>
      </c>
      <c r="L93" s="47">
        <v>83.6</v>
      </c>
    </row>
    <row r="94" spans="1:13" x14ac:dyDescent="0.2">
      <c r="B94" s="76"/>
      <c r="C94" s="39" t="s">
        <v>70</v>
      </c>
      <c r="D94" s="45">
        <v>914</v>
      </c>
      <c r="E94" s="46">
        <v>4.3</v>
      </c>
      <c r="F94" s="46">
        <v>4.7</v>
      </c>
      <c r="G94" s="46">
        <v>4.2</v>
      </c>
      <c r="H94" s="46">
        <v>3.7</v>
      </c>
      <c r="I94" s="46">
        <v>7</v>
      </c>
      <c r="J94" s="46">
        <v>0.5</v>
      </c>
      <c r="K94" s="46">
        <v>1</v>
      </c>
      <c r="L94" s="47">
        <v>74.599999999999994</v>
      </c>
    </row>
    <row r="95" spans="1:13" ht="21.6" x14ac:dyDescent="0.2">
      <c r="B95" s="76"/>
      <c r="C95" s="39" t="s">
        <v>63</v>
      </c>
      <c r="D95" s="45">
        <v>193</v>
      </c>
      <c r="E95" s="46">
        <v>5.2</v>
      </c>
      <c r="F95" s="46">
        <v>6.2</v>
      </c>
      <c r="G95" s="46">
        <v>5.7</v>
      </c>
      <c r="H95" s="46">
        <v>6.2</v>
      </c>
      <c r="I95" s="46">
        <v>7.3</v>
      </c>
      <c r="J95" s="46">
        <v>1</v>
      </c>
      <c r="K95" s="46">
        <v>0</v>
      </c>
      <c r="L95" s="47">
        <v>68.400000000000006</v>
      </c>
    </row>
    <row r="96" spans="1:13" x14ac:dyDescent="0.2">
      <c r="B96" s="76"/>
      <c r="C96" s="39" t="s">
        <v>64</v>
      </c>
      <c r="D96" s="45">
        <v>203</v>
      </c>
      <c r="E96" s="46">
        <v>3.4</v>
      </c>
      <c r="F96" s="46">
        <v>3.9</v>
      </c>
      <c r="G96" s="46">
        <v>4.4000000000000004</v>
      </c>
      <c r="H96" s="46">
        <v>4.9000000000000004</v>
      </c>
      <c r="I96" s="46">
        <v>8.4</v>
      </c>
      <c r="J96" s="46">
        <v>0.5</v>
      </c>
      <c r="K96" s="46">
        <v>1</v>
      </c>
      <c r="L96" s="47">
        <v>73.400000000000006</v>
      </c>
    </row>
    <row r="97" spans="1:25" x14ac:dyDescent="0.2">
      <c r="B97" s="76"/>
      <c r="C97" s="39" t="s">
        <v>65</v>
      </c>
      <c r="D97" s="45">
        <v>263</v>
      </c>
      <c r="E97" s="46">
        <v>3.4</v>
      </c>
      <c r="F97" s="46">
        <v>5.7</v>
      </c>
      <c r="G97" s="46">
        <v>4.5999999999999996</v>
      </c>
      <c r="H97" s="46">
        <v>2.7</v>
      </c>
      <c r="I97" s="46">
        <v>6.8</v>
      </c>
      <c r="J97" s="46">
        <v>0</v>
      </c>
      <c r="K97" s="46">
        <v>0.8</v>
      </c>
      <c r="L97" s="47">
        <v>76</v>
      </c>
    </row>
    <row r="98" spans="1:25" x14ac:dyDescent="0.2">
      <c r="B98" s="76"/>
      <c r="C98" s="39" t="s">
        <v>66</v>
      </c>
      <c r="D98" s="45">
        <v>194</v>
      </c>
      <c r="E98" s="46">
        <v>5.7</v>
      </c>
      <c r="F98" s="46">
        <v>3.6</v>
      </c>
      <c r="G98" s="46">
        <v>3.1</v>
      </c>
      <c r="H98" s="46">
        <v>2.1</v>
      </c>
      <c r="I98" s="46">
        <v>6.2</v>
      </c>
      <c r="J98" s="46">
        <v>0.5</v>
      </c>
      <c r="K98" s="46">
        <v>1.5</v>
      </c>
      <c r="L98" s="47">
        <v>77.3</v>
      </c>
    </row>
    <row r="99" spans="1:25" x14ac:dyDescent="0.2">
      <c r="B99" s="76"/>
      <c r="C99" s="39" t="s">
        <v>67</v>
      </c>
      <c r="D99" s="45">
        <v>61</v>
      </c>
      <c r="E99" s="46">
        <v>3.3</v>
      </c>
      <c r="F99" s="46">
        <v>1.6</v>
      </c>
      <c r="G99" s="46">
        <v>0</v>
      </c>
      <c r="H99" s="46">
        <v>1.6</v>
      </c>
      <c r="I99" s="46">
        <v>4.9000000000000004</v>
      </c>
      <c r="J99" s="46">
        <v>1.6</v>
      </c>
      <c r="K99" s="46">
        <v>3.3</v>
      </c>
      <c r="L99" s="47">
        <v>83.6</v>
      </c>
    </row>
    <row r="100" spans="1:25" x14ac:dyDescent="0.2">
      <c r="B100" s="76"/>
      <c r="C100" s="39" t="s">
        <v>68</v>
      </c>
      <c r="D100" s="45">
        <v>416</v>
      </c>
      <c r="E100" s="46">
        <v>6.7</v>
      </c>
      <c r="F100" s="46">
        <v>8.1999999999999993</v>
      </c>
      <c r="G100" s="46">
        <v>6.5</v>
      </c>
      <c r="H100" s="46">
        <v>6</v>
      </c>
      <c r="I100" s="46">
        <v>11.5</v>
      </c>
      <c r="J100" s="46">
        <v>0.7</v>
      </c>
      <c r="K100" s="46">
        <v>1.7</v>
      </c>
      <c r="L100" s="47">
        <v>58.7</v>
      </c>
    </row>
    <row r="101" spans="1:25" x14ac:dyDescent="0.2">
      <c r="B101" s="76"/>
      <c r="C101" s="40" t="s">
        <v>69</v>
      </c>
      <c r="D101" s="48">
        <v>498</v>
      </c>
      <c r="E101" s="49">
        <v>2.2000000000000002</v>
      </c>
      <c r="F101" s="49">
        <v>1.8</v>
      </c>
      <c r="G101" s="49">
        <v>2.2000000000000002</v>
      </c>
      <c r="H101" s="49">
        <v>1.8</v>
      </c>
      <c r="I101" s="49">
        <v>3.2</v>
      </c>
      <c r="J101" s="49">
        <v>0.4</v>
      </c>
      <c r="K101" s="49">
        <v>0.4</v>
      </c>
      <c r="L101" s="50">
        <v>88</v>
      </c>
    </row>
    <row r="102" spans="1:25" x14ac:dyDescent="0.2">
      <c r="B102" s="7" t="s">
        <v>71</v>
      </c>
      <c r="C102" s="4" t="s">
        <v>75</v>
      </c>
    </row>
    <row r="103" spans="1:25" x14ac:dyDescent="0.2">
      <c r="B103" s="4"/>
      <c r="C103" s="4" t="s">
        <v>73</v>
      </c>
    </row>
    <row r="105" spans="1:25" x14ac:dyDescent="0.2">
      <c r="A105" s="26" t="s">
        <v>25</v>
      </c>
      <c r="B105" t="s">
        <v>35</v>
      </c>
      <c r="C105" t="s">
        <v>35</v>
      </c>
    </row>
    <row r="106" spans="1:25" x14ac:dyDescent="0.2">
      <c r="B106" s="74" t="s">
        <v>76</v>
      </c>
      <c r="C106" s="75"/>
      <c r="D106" s="75"/>
      <c r="E106" s="75"/>
      <c r="F106" s="75"/>
      <c r="G106" s="75"/>
      <c r="H106" s="75"/>
      <c r="I106" s="75"/>
      <c r="J106" s="75"/>
      <c r="K106" s="75"/>
      <c r="L106" s="75"/>
      <c r="M106" s="75"/>
      <c r="N106" s="75"/>
      <c r="O106" s="75"/>
      <c r="P106" s="75"/>
      <c r="Q106" s="75"/>
      <c r="R106" s="75"/>
      <c r="S106" s="75"/>
      <c r="T106" s="75"/>
      <c r="U106" s="75"/>
      <c r="V106" s="75"/>
      <c r="W106" s="75"/>
      <c r="X106" s="75"/>
      <c r="Y106" s="75"/>
    </row>
    <row r="107" spans="1:25" s="32" customFormat="1" ht="68.849999999999994" customHeight="1" x14ac:dyDescent="0.15">
      <c r="A107" s="31"/>
      <c r="D107" s="33" t="s">
        <v>242</v>
      </c>
      <c r="E107" s="35" t="s">
        <v>252</v>
      </c>
      <c r="F107" s="36" t="s">
        <v>245</v>
      </c>
      <c r="G107" s="36" t="s">
        <v>246</v>
      </c>
      <c r="H107" s="36" t="s">
        <v>253</v>
      </c>
      <c r="I107" s="37" t="s">
        <v>250</v>
      </c>
      <c r="J107" s="34" t="s">
        <v>251</v>
      </c>
    </row>
    <row r="108" spans="1:25" x14ac:dyDescent="0.2">
      <c r="B108" s="5"/>
      <c r="C108" s="41" t="s">
        <v>38</v>
      </c>
      <c r="D108" s="42">
        <v>2000</v>
      </c>
      <c r="E108" s="43">
        <v>5.0999999999999996</v>
      </c>
      <c r="F108" s="43">
        <v>1.7</v>
      </c>
      <c r="G108" s="43">
        <v>1.7</v>
      </c>
      <c r="H108" s="43">
        <v>3.2</v>
      </c>
      <c r="I108" s="44">
        <v>88.4</v>
      </c>
    </row>
    <row r="109" spans="1:25" x14ac:dyDescent="0.2">
      <c r="B109" s="76" t="s">
        <v>37</v>
      </c>
      <c r="C109" s="39" t="s">
        <v>39</v>
      </c>
      <c r="D109" s="45">
        <v>111</v>
      </c>
      <c r="E109" s="46">
        <v>7.2</v>
      </c>
      <c r="F109" s="46">
        <v>0</v>
      </c>
      <c r="G109" s="46">
        <v>3.6</v>
      </c>
      <c r="H109" s="46">
        <v>4.5</v>
      </c>
      <c r="I109" s="47">
        <v>84.7</v>
      </c>
    </row>
    <row r="110" spans="1:25" x14ac:dyDescent="0.2">
      <c r="B110" s="76"/>
      <c r="C110" s="39" t="s">
        <v>40</v>
      </c>
      <c r="D110" s="45">
        <v>450</v>
      </c>
      <c r="E110" s="46">
        <v>7.1</v>
      </c>
      <c r="F110" s="46">
        <v>2.4</v>
      </c>
      <c r="G110" s="46">
        <v>2.9</v>
      </c>
      <c r="H110" s="46">
        <v>2.4</v>
      </c>
      <c r="I110" s="47">
        <v>85.1</v>
      </c>
    </row>
    <row r="111" spans="1:25" ht="21.6" x14ac:dyDescent="0.2">
      <c r="B111" s="76"/>
      <c r="C111" s="39" t="s">
        <v>41</v>
      </c>
      <c r="D111" s="45">
        <v>30</v>
      </c>
      <c r="E111" s="46">
        <v>6.7</v>
      </c>
      <c r="F111" s="46">
        <v>3.3</v>
      </c>
      <c r="G111" s="46">
        <v>0</v>
      </c>
      <c r="H111" s="46">
        <v>3.3</v>
      </c>
      <c r="I111" s="47">
        <v>86.7</v>
      </c>
    </row>
    <row r="112" spans="1:25" ht="21.6" x14ac:dyDescent="0.2">
      <c r="B112" s="76"/>
      <c r="C112" s="39" t="s">
        <v>42</v>
      </c>
      <c r="D112" s="45">
        <v>336</v>
      </c>
      <c r="E112" s="46">
        <v>5.4</v>
      </c>
      <c r="F112" s="46">
        <v>2.4</v>
      </c>
      <c r="G112" s="46">
        <v>3</v>
      </c>
      <c r="H112" s="46">
        <v>5.7</v>
      </c>
      <c r="I112" s="47">
        <v>83.6</v>
      </c>
    </row>
    <row r="113" spans="2:9" ht="21.6" x14ac:dyDescent="0.2">
      <c r="B113" s="76"/>
      <c r="C113" s="39" t="s">
        <v>43</v>
      </c>
      <c r="D113" s="45">
        <v>327</v>
      </c>
      <c r="E113" s="46">
        <v>1.8</v>
      </c>
      <c r="F113" s="46">
        <v>0.9</v>
      </c>
      <c r="G113" s="46">
        <v>0</v>
      </c>
      <c r="H113" s="46">
        <v>2.1</v>
      </c>
      <c r="I113" s="47">
        <v>95.1</v>
      </c>
    </row>
    <row r="114" spans="2:9" ht="21.6" x14ac:dyDescent="0.2">
      <c r="B114" s="76"/>
      <c r="C114" s="39" t="s">
        <v>44</v>
      </c>
      <c r="D114" s="45">
        <v>181</v>
      </c>
      <c r="E114" s="46">
        <v>8.3000000000000007</v>
      </c>
      <c r="F114" s="46">
        <v>0.6</v>
      </c>
      <c r="G114" s="46">
        <v>0.6</v>
      </c>
      <c r="H114" s="46">
        <v>1.7</v>
      </c>
      <c r="I114" s="47">
        <v>89</v>
      </c>
    </row>
    <row r="115" spans="2:9" ht="21.6" x14ac:dyDescent="0.2">
      <c r="B115" s="76"/>
      <c r="C115" s="39" t="s">
        <v>45</v>
      </c>
      <c r="D115" s="45">
        <v>565</v>
      </c>
      <c r="E115" s="46">
        <v>3.7</v>
      </c>
      <c r="F115" s="46">
        <v>1.8</v>
      </c>
      <c r="G115" s="46">
        <v>1.1000000000000001</v>
      </c>
      <c r="H115" s="46">
        <v>3</v>
      </c>
      <c r="I115" s="47">
        <v>90.4</v>
      </c>
    </row>
    <row r="116" spans="2:9" ht="21.6" x14ac:dyDescent="0.2">
      <c r="B116" s="76"/>
      <c r="C116" s="39" t="s">
        <v>46</v>
      </c>
      <c r="D116" s="45">
        <v>473</v>
      </c>
      <c r="E116" s="46">
        <v>3.2</v>
      </c>
      <c r="F116" s="46">
        <v>1.1000000000000001</v>
      </c>
      <c r="G116" s="46">
        <v>1.1000000000000001</v>
      </c>
      <c r="H116" s="46">
        <v>2.5</v>
      </c>
      <c r="I116" s="47">
        <v>92.2</v>
      </c>
    </row>
    <row r="117" spans="2:9" ht="21.6" x14ac:dyDescent="0.2">
      <c r="B117" s="76"/>
      <c r="C117" s="39" t="s">
        <v>47</v>
      </c>
      <c r="D117" s="45">
        <v>441</v>
      </c>
      <c r="E117" s="46">
        <v>4.0999999999999996</v>
      </c>
      <c r="F117" s="46">
        <v>2</v>
      </c>
      <c r="G117" s="46">
        <v>1.6</v>
      </c>
      <c r="H117" s="46">
        <v>1.6</v>
      </c>
      <c r="I117" s="47">
        <v>90.7</v>
      </c>
    </row>
    <row r="118" spans="2:9" ht="21.6" x14ac:dyDescent="0.2">
      <c r="B118" s="76"/>
      <c r="C118" s="39" t="s">
        <v>48</v>
      </c>
      <c r="D118" s="45">
        <v>305</v>
      </c>
      <c r="E118" s="46">
        <v>4.3</v>
      </c>
      <c r="F118" s="46">
        <v>3.3</v>
      </c>
      <c r="G118" s="46">
        <v>2</v>
      </c>
      <c r="H118" s="46">
        <v>6.2</v>
      </c>
      <c r="I118" s="47">
        <v>84.3</v>
      </c>
    </row>
    <row r="119" spans="2:9" ht="21.6" x14ac:dyDescent="0.2">
      <c r="B119" s="76"/>
      <c r="C119" s="39" t="s">
        <v>49</v>
      </c>
      <c r="D119" s="45">
        <v>223</v>
      </c>
      <c r="E119" s="46">
        <v>5.8</v>
      </c>
      <c r="F119" s="46">
        <v>1.8</v>
      </c>
      <c r="G119" s="46">
        <v>2.7</v>
      </c>
      <c r="H119" s="46">
        <v>3.1</v>
      </c>
      <c r="I119" s="47">
        <v>86.5</v>
      </c>
    </row>
    <row r="120" spans="2:9" ht="21.6" x14ac:dyDescent="0.2">
      <c r="B120" s="76"/>
      <c r="C120" s="39" t="s">
        <v>50</v>
      </c>
      <c r="D120" s="45">
        <v>123</v>
      </c>
      <c r="E120" s="46">
        <v>11.4</v>
      </c>
      <c r="F120" s="46">
        <v>1.6</v>
      </c>
      <c r="G120" s="46">
        <v>2.4</v>
      </c>
      <c r="H120" s="46">
        <v>5.7</v>
      </c>
      <c r="I120" s="47">
        <v>78.900000000000006</v>
      </c>
    </row>
    <row r="121" spans="2:9" ht="21.6" x14ac:dyDescent="0.2">
      <c r="B121" s="76"/>
      <c r="C121" s="39" t="s">
        <v>51</v>
      </c>
      <c r="D121" s="45">
        <v>124</v>
      </c>
      <c r="E121" s="46">
        <v>16.100000000000001</v>
      </c>
      <c r="F121" s="46">
        <v>0.8</v>
      </c>
      <c r="G121" s="46">
        <v>1.6</v>
      </c>
      <c r="H121" s="46">
        <v>5.6</v>
      </c>
      <c r="I121" s="47">
        <v>75.8</v>
      </c>
    </row>
    <row r="122" spans="2:9" ht="21.6" x14ac:dyDescent="0.2">
      <c r="B122" s="76"/>
      <c r="C122" s="39" t="s">
        <v>52</v>
      </c>
      <c r="D122" s="45">
        <v>312</v>
      </c>
      <c r="E122" s="46">
        <v>3.8</v>
      </c>
      <c r="F122" s="46">
        <v>1.6</v>
      </c>
      <c r="G122" s="46">
        <v>1.3</v>
      </c>
      <c r="H122" s="46">
        <v>2.9</v>
      </c>
      <c r="I122" s="47">
        <v>90.4</v>
      </c>
    </row>
    <row r="123" spans="2:9" x14ac:dyDescent="0.2">
      <c r="B123" s="76"/>
      <c r="C123" s="39" t="s">
        <v>53</v>
      </c>
      <c r="D123" s="45">
        <v>269</v>
      </c>
      <c r="E123" s="46">
        <v>3.3</v>
      </c>
      <c r="F123" s="46">
        <v>1.5</v>
      </c>
      <c r="G123" s="46">
        <v>1.5</v>
      </c>
      <c r="H123" s="46">
        <v>3.3</v>
      </c>
      <c r="I123" s="47">
        <v>90.3</v>
      </c>
    </row>
    <row r="124" spans="2:9" ht="21.6" x14ac:dyDescent="0.2">
      <c r="B124" s="76"/>
      <c r="C124" s="39" t="s">
        <v>54</v>
      </c>
      <c r="D124" s="45">
        <v>511</v>
      </c>
      <c r="E124" s="46">
        <v>5.9</v>
      </c>
      <c r="F124" s="46">
        <v>1.8</v>
      </c>
      <c r="G124" s="46">
        <v>1.6</v>
      </c>
      <c r="H124" s="46">
        <v>2.7</v>
      </c>
      <c r="I124" s="47">
        <v>88.1</v>
      </c>
    </row>
    <row r="125" spans="2:9" ht="21.6" x14ac:dyDescent="0.2">
      <c r="B125" s="76"/>
      <c r="C125" s="39" t="s">
        <v>55</v>
      </c>
      <c r="D125" s="45">
        <v>615</v>
      </c>
      <c r="E125" s="46">
        <v>7.5</v>
      </c>
      <c r="F125" s="46">
        <v>1.6</v>
      </c>
      <c r="G125" s="46">
        <v>2.6</v>
      </c>
      <c r="H125" s="46">
        <v>4.0999999999999996</v>
      </c>
      <c r="I125" s="47">
        <v>84.2</v>
      </c>
    </row>
    <row r="126" spans="2:9" ht="21.6" x14ac:dyDescent="0.2">
      <c r="B126" s="76"/>
      <c r="C126" s="39" t="s">
        <v>56</v>
      </c>
      <c r="D126" s="45">
        <v>800</v>
      </c>
      <c r="E126" s="46">
        <v>7</v>
      </c>
      <c r="F126" s="46">
        <v>1.9</v>
      </c>
      <c r="G126" s="46">
        <v>2.9</v>
      </c>
      <c r="H126" s="46">
        <v>2.9</v>
      </c>
      <c r="I126" s="47">
        <v>85.4</v>
      </c>
    </row>
    <row r="127" spans="2:9" x14ac:dyDescent="0.2">
      <c r="B127" s="76"/>
      <c r="C127" s="40" t="s">
        <v>57</v>
      </c>
      <c r="D127" s="48">
        <v>798</v>
      </c>
      <c r="E127" s="49">
        <v>5.3</v>
      </c>
      <c r="F127" s="49">
        <v>1.9</v>
      </c>
      <c r="G127" s="49">
        <v>1</v>
      </c>
      <c r="H127" s="49">
        <v>3.8</v>
      </c>
      <c r="I127" s="50">
        <v>88.1</v>
      </c>
    </row>
    <row r="129" spans="1:25" x14ac:dyDescent="0.2">
      <c r="C129" t="s">
        <v>35</v>
      </c>
    </row>
    <row r="130" spans="1:25" x14ac:dyDescent="0.2">
      <c r="B130" s="74" t="s">
        <v>179</v>
      </c>
      <c r="C130" s="75"/>
      <c r="D130" s="75"/>
      <c r="E130" s="75"/>
      <c r="F130" s="75"/>
      <c r="G130" s="75"/>
      <c r="H130" s="75"/>
      <c r="I130" s="75"/>
      <c r="J130" s="75"/>
      <c r="K130" s="75"/>
      <c r="L130" s="75"/>
      <c r="M130" s="75"/>
      <c r="N130" s="75"/>
      <c r="O130" s="75"/>
      <c r="P130" s="75"/>
      <c r="Q130" s="75"/>
      <c r="R130" s="75"/>
      <c r="S130" s="75"/>
      <c r="T130" s="75"/>
      <c r="U130" s="75"/>
      <c r="V130" s="75"/>
      <c r="W130" s="75"/>
      <c r="X130" s="75"/>
      <c r="Y130" s="75"/>
    </row>
    <row r="131" spans="1:25" s="32" customFormat="1" ht="68.849999999999994" customHeight="1" x14ac:dyDescent="0.15">
      <c r="A131" s="31"/>
      <c r="D131" s="33" t="s">
        <v>242</v>
      </c>
      <c r="E131" s="35" t="s">
        <v>252</v>
      </c>
      <c r="F131" s="36" t="s">
        <v>245</v>
      </c>
      <c r="G131" s="36" t="s">
        <v>246</v>
      </c>
      <c r="H131" s="36" t="s">
        <v>253</v>
      </c>
      <c r="I131" s="37" t="s">
        <v>250</v>
      </c>
      <c r="J131" s="34" t="s">
        <v>251</v>
      </c>
    </row>
    <row r="132" spans="1:25" ht="21.6" x14ac:dyDescent="0.2">
      <c r="B132" s="76" t="s">
        <v>37</v>
      </c>
      <c r="C132" s="38" t="s">
        <v>58</v>
      </c>
      <c r="D132" s="51">
        <v>609</v>
      </c>
      <c r="E132" s="52">
        <v>6.6</v>
      </c>
      <c r="F132" s="52">
        <v>2.6</v>
      </c>
      <c r="G132" s="52">
        <v>3.8</v>
      </c>
      <c r="H132" s="52">
        <v>2.6</v>
      </c>
      <c r="I132" s="53">
        <v>84.4</v>
      </c>
    </row>
    <row r="133" spans="1:25" ht="21.6" x14ac:dyDescent="0.2">
      <c r="B133" s="76"/>
      <c r="C133" s="39" t="s">
        <v>59</v>
      </c>
      <c r="D133" s="45">
        <v>1391</v>
      </c>
      <c r="E133" s="46">
        <v>4.5</v>
      </c>
      <c r="F133" s="46">
        <v>1.3</v>
      </c>
      <c r="G133" s="46">
        <v>0.8</v>
      </c>
      <c r="H133" s="46">
        <v>3.4</v>
      </c>
      <c r="I133" s="47">
        <v>90.1</v>
      </c>
    </row>
    <row r="134" spans="1:25" x14ac:dyDescent="0.2">
      <c r="B134" s="76"/>
      <c r="C134" s="39" t="s">
        <v>60</v>
      </c>
      <c r="D134" s="45">
        <v>1325</v>
      </c>
      <c r="E134" s="46">
        <v>5.8</v>
      </c>
      <c r="F134" s="46">
        <v>1.6</v>
      </c>
      <c r="G134" s="46">
        <v>1.7</v>
      </c>
      <c r="H134" s="46">
        <v>3.2</v>
      </c>
      <c r="I134" s="47">
        <v>87.6</v>
      </c>
    </row>
    <row r="135" spans="1:25" x14ac:dyDescent="0.2">
      <c r="B135" s="76"/>
      <c r="C135" s="39" t="s">
        <v>61</v>
      </c>
      <c r="D135" s="45">
        <v>675</v>
      </c>
      <c r="E135" s="46">
        <v>3.7</v>
      </c>
      <c r="F135" s="46">
        <v>1.9</v>
      </c>
      <c r="G135" s="46">
        <v>1.6</v>
      </c>
      <c r="H135" s="46">
        <v>3</v>
      </c>
      <c r="I135" s="47">
        <v>89.8</v>
      </c>
    </row>
    <row r="136" spans="1:25" x14ac:dyDescent="0.2">
      <c r="B136" s="76"/>
      <c r="C136" s="39" t="s">
        <v>62</v>
      </c>
      <c r="D136" s="45">
        <v>1086</v>
      </c>
      <c r="E136" s="46">
        <v>6.7</v>
      </c>
      <c r="F136" s="46">
        <v>2.2000000000000002</v>
      </c>
      <c r="G136" s="46">
        <v>2.2999999999999998</v>
      </c>
      <c r="H136" s="46">
        <v>3.1</v>
      </c>
      <c r="I136" s="47">
        <v>85.6</v>
      </c>
    </row>
    <row r="137" spans="1:25" ht="21.6" x14ac:dyDescent="0.2">
      <c r="B137" s="76"/>
      <c r="C137" s="39" t="s">
        <v>63</v>
      </c>
      <c r="D137" s="45">
        <v>203</v>
      </c>
      <c r="E137" s="46">
        <v>4.9000000000000004</v>
      </c>
      <c r="F137" s="46">
        <v>2</v>
      </c>
      <c r="G137" s="46">
        <v>3.9</v>
      </c>
      <c r="H137" s="46">
        <v>3.9</v>
      </c>
      <c r="I137" s="47">
        <v>85.2</v>
      </c>
    </row>
    <row r="138" spans="1:25" x14ac:dyDescent="0.2">
      <c r="B138" s="76"/>
      <c r="C138" s="39" t="s">
        <v>64</v>
      </c>
      <c r="D138" s="45">
        <v>263</v>
      </c>
      <c r="E138" s="46">
        <v>6.8</v>
      </c>
      <c r="F138" s="46">
        <v>2.7</v>
      </c>
      <c r="G138" s="46">
        <v>2.2999999999999998</v>
      </c>
      <c r="H138" s="46">
        <v>3.8</v>
      </c>
      <c r="I138" s="47">
        <v>84.4</v>
      </c>
    </row>
    <row r="139" spans="1:25" x14ac:dyDescent="0.2">
      <c r="B139" s="76"/>
      <c r="C139" s="39" t="s">
        <v>65</v>
      </c>
      <c r="D139" s="45">
        <v>312</v>
      </c>
      <c r="E139" s="46">
        <v>6.7</v>
      </c>
      <c r="F139" s="46">
        <v>2.2000000000000002</v>
      </c>
      <c r="G139" s="46">
        <v>1.6</v>
      </c>
      <c r="H139" s="46">
        <v>3.2</v>
      </c>
      <c r="I139" s="47">
        <v>86.2</v>
      </c>
    </row>
    <row r="140" spans="1:25" x14ac:dyDescent="0.2">
      <c r="B140" s="76"/>
      <c r="C140" s="39" t="s">
        <v>66</v>
      </c>
      <c r="D140" s="45">
        <v>230</v>
      </c>
      <c r="E140" s="46">
        <v>8.6999999999999993</v>
      </c>
      <c r="F140" s="46">
        <v>0.9</v>
      </c>
      <c r="G140" s="46">
        <v>2.6</v>
      </c>
      <c r="H140" s="46">
        <v>1.7</v>
      </c>
      <c r="I140" s="47">
        <v>86.1</v>
      </c>
    </row>
    <row r="141" spans="1:25" x14ac:dyDescent="0.2">
      <c r="B141" s="76"/>
      <c r="C141" s="39" t="s">
        <v>67</v>
      </c>
      <c r="D141" s="45">
        <v>78</v>
      </c>
      <c r="E141" s="46">
        <v>5.0999999999999996</v>
      </c>
      <c r="F141" s="46">
        <v>5.0999999999999996</v>
      </c>
      <c r="G141" s="46">
        <v>0</v>
      </c>
      <c r="H141" s="46">
        <v>2.6</v>
      </c>
      <c r="I141" s="47">
        <v>87.2</v>
      </c>
    </row>
    <row r="142" spans="1:25" x14ac:dyDescent="0.2">
      <c r="B142" s="76"/>
      <c r="C142" s="39" t="s">
        <v>68</v>
      </c>
      <c r="D142" s="45">
        <v>897</v>
      </c>
      <c r="E142" s="46">
        <v>7.7</v>
      </c>
      <c r="F142" s="46">
        <v>2.5</v>
      </c>
      <c r="G142" s="46">
        <v>2.8</v>
      </c>
      <c r="H142" s="46">
        <v>3.5</v>
      </c>
      <c r="I142" s="47">
        <v>83.6</v>
      </c>
    </row>
    <row r="143" spans="1:25" x14ac:dyDescent="0.2">
      <c r="B143" s="76"/>
      <c r="C143" s="39" t="s">
        <v>69</v>
      </c>
      <c r="D143" s="45">
        <v>189</v>
      </c>
      <c r="E143" s="46">
        <v>2.1</v>
      </c>
      <c r="F143" s="46">
        <v>1.1000000000000001</v>
      </c>
      <c r="G143" s="46">
        <v>0</v>
      </c>
      <c r="H143" s="46">
        <v>1.6</v>
      </c>
      <c r="I143" s="47">
        <v>95.2</v>
      </c>
    </row>
    <row r="144" spans="1:25" x14ac:dyDescent="0.2">
      <c r="B144" s="76"/>
      <c r="C144" s="39" t="s">
        <v>70</v>
      </c>
      <c r="D144" s="45">
        <v>914</v>
      </c>
      <c r="E144" s="46">
        <v>3.2</v>
      </c>
      <c r="F144" s="46">
        <v>1.1000000000000001</v>
      </c>
      <c r="G144" s="46">
        <v>1</v>
      </c>
      <c r="H144" s="46">
        <v>3.2</v>
      </c>
      <c r="I144" s="47">
        <v>91.6</v>
      </c>
    </row>
    <row r="145" spans="1:25" ht="21.6" x14ac:dyDescent="0.2">
      <c r="B145" s="76"/>
      <c r="C145" s="39" t="s">
        <v>63</v>
      </c>
      <c r="D145" s="45">
        <v>193</v>
      </c>
      <c r="E145" s="46">
        <v>2.6</v>
      </c>
      <c r="F145" s="46">
        <v>1.6</v>
      </c>
      <c r="G145" s="46">
        <v>1.6</v>
      </c>
      <c r="H145" s="46">
        <v>3.1</v>
      </c>
      <c r="I145" s="47">
        <v>91.2</v>
      </c>
    </row>
    <row r="146" spans="1:25" x14ac:dyDescent="0.2">
      <c r="B146" s="76"/>
      <c r="C146" s="39" t="s">
        <v>64</v>
      </c>
      <c r="D146" s="45">
        <v>203</v>
      </c>
      <c r="E146" s="46">
        <v>3.9</v>
      </c>
      <c r="F146" s="46">
        <v>0.5</v>
      </c>
      <c r="G146" s="46">
        <v>0</v>
      </c>
      <c r="H146" s="46">
        <v>1.5</v>
      </c>
      <c r="I146" s="47">
        <v>94.1</v>
      </c>
    </row>
    <row r="147" spans="1:25" x14ac:dyDescent="0.2">
      <c r="B147" s="76"/>
      <c r="C147" s="39" t="s">
        <v>65</v>
      </c>
      <c r="D147" s="45">
        <v>263</v>
      </c>
      <c r="E147" s="46">
        <v>3.8</v>
      </c>
      <c r="F147" s="46">
        <v>1.1000000000000001</v>
      </c>
      <c r="G147" s="46">
        <v>1.5</v>
      </c>
      <c r="H147" s="46">
        <v>3.8</v>
      </c>
      <c r="I147" s="47">
        <v>89.7</v>
      </c>
    </row>
    <row r="148" spans="1:25" x14ac:dyDescent="0.2">
      <c r="B148" s="76"/>
      <c r="C148" s="39" t="s">
        <v>66</v>
      </c>
      <c r="D148" s="45">
        <v>194</v>
      </c>
      <c r="E148" s="46">
        <v>2.6</v>
      </c>
      <c r="F148" s="46">
        <v>1</v>
      </c>
      <c r="G148" s="46">
        <v>1</v>
      </c>
      <c r="H148" s="46">
        <v>3.1</v>
      </c>
      <c r="I148" s="47">
        <v>92.3</v>
      </c>
    </row>
    <row r="149" spans="1:25" x14ac:dyDescent="0.2">
      <c r="B149" s="76"/>
      <c r="C149" s="39" t="s">
        <v>67</v>
      </c>
      <c r="D149" s="45">
        <v>61</v>
      </c>
      <c r="E149" s="46">
        <v>1.6</v>
      </c>
      <c r="F149" s="46">
        <v>1.6</v>
      </c>
      <c r="G149" s="46">
        <v>0</v>
      </c>
      <c r="H149" s="46">
        <v>6.6</v>
      </c>
      <c r="I149" s="47">
        <v>90.2</v>
      </c>
    </row>
    <row r="150" spans="1:25" x14ac:dyDescent="0.2">
      <c r="B150" s="76"/>
      <c r="C150" s="39" t="s">
        <v>68</v>
      </c>
      <c r="D150" s="45">
        <v>416</v>
      </c>
      <c r="E150" s="46">
        <v>5.5</v>
      </c>
      <c r="F150" s="46">
        <v>1.2</v>
      </c>
      <c r="G150" s="46">
        <v>1.7</v>
      </c>
      <c r="H150" s="46">
        <v>4.3</v>
      </c>
      <c r="I150" s="47">
        <v>87.3</v>
      </c>
    </row>
    <row r="151" spans="1:25" x14ac:dyDescent="0.2">
      <c r="B151" s="76"/>
      <c r="C151" s="40" t="s">
        <v>69</v>
      </c>
      <c r="D151" s="48">
        <v>498</v>
      </c>
      <c r="E151" s="49">
        <v>1.2</v>
      </c>
      <c r="F151" s="49">
        <v>1</v>
      </c>
      <c r="G151" s="49">
        <v>0.4</v>
      </c>
      <c r="H151" s="49">
        <v>2.2000000000000002</v>
      </c>
      <c r="I151" s="50">
        <v>95.2</v>
      </c>
    </row>
    <row r="153" spans="1:25" x14ac:dyDescent="0.2">
      <c r="A153" s="26" t="s">
        <v>25</v>
      </c>
      <c r="B153" t="s">
        <v>35</v>
      </c>
      <c r="C153" t="s">
        <v>35</v>
      </c>
    </row>
    <row r="154" spans="1:25" x14ac:dyDescent="0.2">
      <c r="B154" s="74" t="s">
        <v>77</v>
      </c>
      <c r="C154" s="75"/>
      <c r="D154" s="75"/>
      <c r="E154" s="75"/>
      <c r="F154" s="75"/>
      <c r="G154" s="75"/>
      <c r="H154" s="75"/>
      <c r="I154" s="75"/>
      <c r="J154" s="75"/>
      <c r="K154" s="75"/>
      <c r="L154" s="75"/>
      <c r="M154" s="75"/>
      <c r="N154" s="75"/>
      <c r="O154" s="75"/>
      <c r="P154" s="75"/>
      <c r="Q154" s="75"/>
      <c r="R154" s="75"/>
      <c r="S154" s="75"/>
      <c r="T154" s="75"/>
      <c r="U154" s="75"/>
      <c r="V154" s="75"/>
      <c r="W154" s="75"/>
      <c r="X154" s="75"/>
      <c r="Y154" s="75"/>
    </row>
    <row r="155" spans="1:25" s="32" customFormat="1" ht="68.849999999999994" customHeight="1" x14ac:dyDescent="0.15">
      <c r="A155" s="31"/>
      <c r="D155" s="33" t="s">
        <v>242</v>
      </c>
      <c r="E155" s="35" t="s">
        <v>252</v>
      </c>
      <c r="F155" s="36" t="s">
        <v>245</v>
      </c>
      <c r="G155" s="36" t="s">
        <v>246</v>
      </c>
      <c r="H155" s="36" t="s">
        <v>253</v>
      </c>
      <c r="I155" s="37" t="s">
        <v>250</v>
      </c>
      <c r="J155" s="34" t="s">
        <v>251</v>
      </c>
    </row>
    <row r="156" spans="1:25" x14ac:dyDescent="0.2">
      <c r="B156" s="5"/>
      <c r="C156" s="41" t="s">
        <v>38</v>
      </c>
      <c r="D156" s="42">
        <v>2000</v>
      </c>
      <c r="E156" s="43">
        <v>11.7</v>
      </c>
      <c r="F156" s="43">
        <v>5.9</v>
      </c>
      <c r="G156" s="43">
        <v>5.4</v>
      </c>
      <c r="H156" s="43">
        <v>10.3</v>
      </c>
      <c r="I156" s="44">
        <v>66.900000000000006</v>
      </c>
    </row>
    <row r="157" spans="1:25" x14ac:dyDescent="0.2">
      <c r="B157" s="76" t="s">
        <v>37</v>
      </c>
      <c r="C157" s="39" t="s">
        <v>39</v>
      </c>
      <c r="D157" s="45">
        <v>111</v>
      </c>
      <c r="E157" s="46">
        <v>18</v>
      </c>
      <c r="F157" s="46">
        <v>3.6</v>
      </c>
      <c r="G157" s="46">
        <v>8.1</v>
      </c>
      <c r="H157" s="46">
        <v>5.4</v>
      </c>
      <c r="I157" s="47">
        <v>64.900000000000006</v>
      </c>
    </row>
    <row r="158" spans="1:25" x14ac:dyDescent="0.2">
      <c r="B158" s="76"/>
      <c r="C158" s="39" t="s">
        <v>40</v>
      </c>
      <c r="D158" s="45">
        <v>450</v>
      </c>
      <c r="E158" s="46">
        <v>15.3</v>
      </c>
      <c r="F158" s="46">
        <v>7.3</v>
      </c>
      <c r="G158" s="46">
        <v>7.6</v>
      </c>
      <c r="H158" s="46">
        <v>10.4</v>
      </c>
      <c r="I158" s="47">
        <v>59.3</v>
      </c>
    </row>
    <row r="159" spans="1:25" ht="21.6" x14ac:dyDescent="0.2">
      <c r="B159" s="76"/>
      <c r="C159" s="39" t="s">
        <v>41</v>
      </c>
      <c r="D159" s="45">
        <v>30</v>
      </c>
      <c r="E159" s="46">
        <v>20</v>
      </c>
      <c r="F159" s="46">
        <v>10</v>
      </c>
      <c r="G159" s="46">
        <v>3.3</v>
      </c>
      <c r="H159" s="46">
        <v>6.7</v>
      </c>
      <c r="I159" s="47">
        <v>60</v>
      </c>
    </row>
    <row r="160" spans="1:25" ht="21.6" x14ac:dyDescent="0.2">
      <c r="B160" s="76"/>
      <c r="C160" s="39" t="s">
        <v>42</v>
      </c>
      <c r="D160" s="45">
        <v>336</v>
      </c>
      <c r="E160" s="46">
        <v>12.2</v>
      </c>
      <c r="F160" s="46">
        <v>5.7</v>
      </c>
      <c r="G160" s="46">
        <v>8.6</v>
      </c>
      <c r="H160" s="46">
        <v>22.3</v>
      </c>
      <c r="I160" s="47">
        <v>51.2</v>
      </c>
    </row>
    <row r="161" spans="2:9" ht="21.6" x14ac:dyDescent="0.2">
      <c r="B161" s="76"/>
      <c r="C161" s="39" t="s">
        <v>43</v>
      </c>
      <c r="D161" s="45">
        <v>327</v>
      </c>
      <c r="E161" s="46">
        <v>6.4</v>
      </c>
      <c r="F161" s="46">
        <v>4.3</v>
      </c>
      <c r="G161" s="46">
        <v>1.2</v>
      </c>
      <c r="H161" s="46">
        <v>4.9000000000000004</v>
      </c>
      <c r="I161" s="47">
        <v>83.2</v>
      </c>
    </row>
    <row r="162" spans="2:9" ht="21.6" x14ac:dyDescent="0.2">
      <c r="B162" s="76"/>
      <c r="C162" s="39" t="s">
        <v>44</v>
      </c>
      <c r="D162" s="45">
        <v>181</v>
      </c>
      <c r="E162" s="46">
        <v>19.3</v>
      </c>
      <c r="F162" s="46">
        <v>10.5</v>
      </c>
      <c r="G162" s="46">
        <v>3.9</v>
      </c>
      <c r="H162" s="46">
        <v>6.6</v>
      </c>
      <c r="I162" s="47">
        <v>59.7</v>
      </c>
    </row>
    <row r="163" spans="2:9" ht="21.6" x14ac:dyDescent="0.2">
      <c r="B163" s="76"/>
      <c r="C163" s="39" t="s">
        <v>45</v>
      </c>
      <c r="D163" s="45">
        <v>565</v>
      </c>
      <c r="E163" s="46">
        <v>7.3</v>
      </c>
      <c r="F163" s="46">
        <v>4.4000000000000004</v>
      </c>
      <c r="G163" s="46">
        <v>4.2</v>
      </c>
      <c r="H163" s="46">
        <v>8.3000000000000007</v>
      </c>
      <c r="I163" s="47">
        <v>75.8</v>
      </c>
    </row>
    <row r="164" spans="2:9" ht="21.6" x14ac:dyDescent="0.2">
      <c r="B164" s="76"/>
      <c r="C164" s="39" t="s">
        <v>46</v>
      </c>
      <c r="D164" s="45">
        <v>473</v>
      </c>
      <c r="E164" s="46">
        <v>6.8</v>
      </c>
      <c r="F164" s="46">
        <v>3.8</v>
      </c>
      <c r="G164" s="46">
        <v>2.7</v>
      </c>
      <c r="H164" s="46">
        <v>6.3</v>
      </c>
      <c r="I164" s="47">
        <v>80.3</v>
      </c>
    </row>
    <row r="165" spans="2:9" ht="21.6" x14ac:dyDescent="0.2">
      <c r="B165" s="76"/>
      <c r="C165" s="39" t="s">
        <v>47</v>
      </c>
      <c r="D165" s="45">
        <v>441</v>
      </c>
      <c r="E165" s="46">
        <v>11.1</v>
      </c>
      <c r="F165" s="46">
        <v>5.4</v>
      </c>
      <c r="G165" s="46">
        <v>3.9</v>
      </c>
      <c r="H165" s="46">
        <v>8.8000000000000007</v>
      </c>
      <c r="I165" s="47">
        <v>70.7</v>
      </c>
    </row>
    <row r="166" spans="2:9" ht="21.6" x14ac:dyDescent="0.2">
      <c r="B166" s="76"/>
      <c r="C166" s="39" t="s">
        <v>48</v>
      </c>
      <c r="D166" s="45">
        <v>305</v>
      </c>
      <c r="E166" s="46">
        <v>12.5</v>
      </c>
      <c r="F166" s="46">
        <v>6.2</v>
      </c>
      <c r="G166" s="46">
        <v>9.1999999999999993</v>
      </c>
      <c r="H166" s="46">
        <v>13.8</v>
      </c>
      <c r="I166" s="47">
        <v>58.4</v>
      </c>
    </row>
    <row r="167" spans="2:9" ht="21.6" x14ac:dyDescent="0.2">
      <c r="B167" s="76"/>
      <c r="C167" s="39" t="s">
        <v>49</v>
      </c>
      <c r="D167" s="45">
        <v>223</v>
      </c>
      <c r="E167" s="46">
        <v>17.5</v>
      </c>
      <c r="F167" s="46">
        <v>5.8</v>
      </c>
      <c r="G167" s="46">
        <v>7.6</v>
      </c>
      <c r="H167" s="46">
        <v>15.2</v>
      </c>
      <c r="I167" s="47">
        <v>53.8</v>
      </c>
    </row>
    <row r="168" spans="2:9" ht="21.6" x14ac:dyDescent="0.2">
      <c r="B168" s="76"/>
      <c r="C168" s="39" t="s">
        <v>50</v>
      </c>
      <c r="D168" s="45">
        <v>123</v>
      </c>
      <c r="E168" s="46">
        <v>22</v>
      </c>
      <c r="F168" s="46">
        <v>7.3</v>
      </c>
      <c r="G168" s="46">
        <v>11.4</v>
      </c>
      <c r="H168" s="46">
        <v>19.5</v>
      </c>
      <c r="I168" s="47">
        <v>39.799999999999997</v>
      </c>
    </row>
    <row r="169" spans="2:9" ht="21.6" x14ac:dyDescent="0.2">
      <c r="B169" s="76"/>
      <c r="C169" s="39" t="s">
        <v>51</v>
      </c>
      <c r="D169" s="45">
        <v>124</v>
      </c>
      <c r="E169" s="46">
        <v>20.2</v>
      </c>
      <c r="F169" s="46">
        <v>13.7</v>
      </c>
      <c r="G169" s="46">
        <v>7.3</v>
      </c>
      <c r="H169" s="46">
        <v>16.100000000000001</v>
      </c>
      <c r="I169" s="47">
        <v>42.7</v>
      </c>
    </row>
    <row r="170" spans="2:9" ht="21.6" x14ac:dyDescent="0.2">
      <c r="B170" s="76"/>
      <c r="C170" s="39" t="s">
        <v>52</v>
      </c>
      <c r="D170" s="45">
        <v>312</v>
      </c>
      <c r="E170" s="46">
        <v>6.1</v>
      </c>
      <c r="F170" s="46">
        <v>3.5</v>
      </c>
      <c r="G170" s="46">
        <v>3.8</v>
      </c>
      <c r="H170" s="46">
        <v>5.0999999999999996</v>
      </c>
      <c r="I170" s="47">
        <v>81.400000000000006</v>
      </c>
    </row>
    <row r="171" spans="2:9" x14ac:dyDescent="0.2">
      <c r="B171" s="76"/>
      <c r="C171" s="39" t="s">
        <v>53</v>
      </c>
      <c r="D171" s="45">
        <v>269</v>
      </c>
      <c r="E171" s="46">
        <v>8.1999999999999993</v>
      </c>
      <c r="F171" s="46">
        <v>4.5</v>
      </c>
      <c r="G171" s="46">
        <v>2.6</v>
      </c>
      <c r="H171" s="46">
        <v>4.8</v>
      </c>
      <c r="I171" s="47">
        <v>79.900000000000006</v>
      </c>
    </row>
    <row r="172" spans="2:9" ht="21.6" x14ac:dyDescent="0.2">
      <c r="B172" s="76"/>
      <c r="C172" s="39" t="s">
        <v>54</v>
      </c>
      <c r="D172" s="45">
        <v>511</v>
      </c>
      <c r="E172" s="46">
        <v>14.3</v>
      </c>
      <c r="F172" s="46">
        <v>7</v>
      </c>
      <c r="G172" s="46">
        <v>6.1</v>
      </c>
      <c r="H172" s="46">
        <v>11.7</v>
      </c>
      <c r="I172" s="47">
        <v>60.9</v>
      </c>
    </row>
    <row r="173" spans="2:9" ht="21.6" x14ac:dyDescent="0.2">
      <c r="B173" s="76"/>
      <c r="C173" s="39" t="s">
        <v>55</v>
      </c>
      <c r="D173" s="45">
        <v>615</v>
      </c>
      <c r="E173" s="46">
        <v>17.399999999999999</v>
      </c>
      <c r="F173" s="46">
        <v>8</v>
      </c>
      <c r="G173" s="46">
        <v>8.8000000000000007</v>
      </c>
      <c r="H173" s="46">
        <v>16.600000000000001</v>
      </c>
      <c r="I173" s="47">
        <v>49.3</v>
      </c>
    </row>
    <row r="174" spans="2:9" ht="21.6" x14ac:dyDescent="0.2">
      <c r="B174" s="76"/>
      <c r="C174" s="39" t="s">
        <v>56</v>
      </c>
      <c r="D174" s="45">
        <v>800</v>
      </c>
      <c r="E174" s="46">
        <v>16.100000000000001</v>
      </c>
      <c r="F174" s="46">
        <v>7.8</v>
      </c>
      <c r="G174" s="46">
        <v>7.3</v>
      </c>
      <c r="H174" s="46">
        <v>12.6</v>
      </c>
      <c r="I174" s="47">
        <v>56.3</v>
      </c>
    </row>
    <row r="175" spans="2:9" x14ac:dyDescent="0.2">
      <c r="B175" s="76"/>
      <c r="C175" s="40" t="s">
        <v>57</v>
      </c>
      <c r="D175" s="48">
        <v>798</v>
      </c>
      <c r="E175" s="49">
        <v>10.3</v>
      </c>
      <c r="F175" s="49">
        <v>5</v>
      </c>
      <c r="G175" s="49">
        <v>5.9</v>
      </c>
      <c r="H175" s="49">
        <v>9.5</v>
      </c>
      <c r="I175" s="50">
        <v>69.3</v>
      </c>
    </row>
    <row r="177" spans="1:25" x14ac:dyDescent="0.2">
      <c r="C177" t="s">
        <v>35</v>
      </c>
    </row>
    <row r="178" spans="1:25" x14ac:dyDescent="0.2">
      <c r="B178" s="74" t="s">
        <v>180</v>
      </c>
      <c r="C178" s="75"/>
      <c r="D178" s="75"/>
      <c r="E178" s="75"/>
      <c r="F178" s="75"/>
      <c r="G178" s="75"/>
      <c r="H178" s="75"/>
      <c r="I178" s="75"/>
      <c r="J178" s="75"/>
      <c r="K178" s="75"/>
      <c r="L178" s="75"/>
      <c r="M178" s="75"/>
      <c r="N178" s="75"/>
      <c r="O178" s="75"/>
      <c r="P178" s="75"/>
      <c r="Q178" s="75"/>
      <c r="R178" s="75"/>
      <c r="S178" s="75"/>
      <c r="T178" s="75"/>
      <c r="U178" s="75"/>
      <c r="V178" s="75"/>
      <c r="W178" s="75"/>
      <c r="X178" s="75"/>
      <c r="Y178" s="75"/>
    </row>
    <row r="179" spans="1:25" s="32" customFormat="1" ht="68.849999999999994" customHeight="1" x14ac:dyDescent="0.15">
      <c r="A179" s="31"/>
      <c r="D179" s="33" t="s">
        <v>242</v>
      </c>
      <c r="E179" s="35" t="s">
        <v>252</v>
      </c>
      <c r="F179" s="36" t="s">
        <v>245</v>
      </c>
      <c r="G179" s="36" t="s">
        <v>246</v>
      </c>
      <c r="H179" s="36" t="s">
        <v>253</v>
      </c>
      <c r="I179" s="37" t="s">
        <v>250</v>
      </c>
      <c r="J179" s="34" t="s">
        <v>251</v>
      </c>
    </row>
    <row r="180" spans="1:25" ht="21.6" x14ac:dyDescent="0.2">
      <c r="B180" s="76" t="s">
        <v>37</v>
      </c>
      <c r="C180" s="38" t="s">
        <v>58</v>
      </c>
      <c r="D180" s="51">
        <v>609</v>
      </c>
      <c r="E180" s="52">
        <v>15.3</v>
      </c>
      <c r="F180" s="52">
        <v>7.9</v>
      </c>
      <c r="G180" s="52">
        <v>8.4</v>
      </c>
      <c r="H180" s="52">
        <v>11.7</v>
      </c>
      <c r="I180" s="53">
        <v>56.8</v>
      </c>
    </row>
    <row r="181" spans="1:25" ht="21.6" x14ac:dyDescent="0.2">
      <c r="B181" s="76"/>
      <c r="C181" s="39" t="s">
        <v>59</v>
      </c>
      <c r="D181" s="45">
        <v>1391</v>
      </c>
      <c r="E181" s="46">
        <v>10.1</v>
      </c>
      <c r="F181" s="46">
        <v>5</v>
      </c>
      <c r="G181" s="46">
        <v>4.0999999999999996</v>
      </c>
      <c r="H181" s="46">
        <v>9.6</v>
      </c>
      <c r="I181" s="47">
        <v>71.2</v>
      </c>
    </row>
    <row r="182" spans="1:25" x14ac:dyDescent="0.2">
      <c r="B182" s="76"/>
      <c r="C182" s="39" t="s">
        <v>60</v>
      </c>
      <c r="D182" s="45">
        <v>1325</v>
      </c>
      <c r="E182" s="46">
        <v>11.9</v>
      </c>
      <c r="F182" s="46">
        <v>7.1</v>
      </c>
      <c r="G182" s="46">
        <v>5.3</v>
      </c>
      <c r="H182" s="46">
        <v>12.5</v>
      </c>
      <c r="I182" s="47">
        <v>63.2</v>
      </c>
    </row>
    <row r="183" spans="1:25" x14ac:dyDescent="0.2">
      <c r="B183" s="76"/>
      <c r="C183" s="39" t="s">
        <v>61</v>
      </c>
      <c r="D183" s="45">
        <v>675</v>
      </c>
      <c r="E183" s="46">
        <v>11.1</v>
      </c>
      <c r="F183" s="46">
        <v>3.4</v>
      </c>
      <c r="G183" s="46">
        <v>5.6</v>
      </c>
      <c r="H183" s="46">
        <v>5.8</v>
      </c>
      <c r="I183" s="47">
        <v>74.099999999999994</v>
      </c>
    </row>
    <row r="184" spans="1:25" x14ac:dyDescent="0.2">
      <c r="B184" s="76"/>
      <c r="C184" s="39" t="s">
        <v>62</v>
      </c>
      <c r="D184" s="45">
        <v>1086</v>
      </c>
      <c r="E184" s="46">
        <v>13.9</v>
      </c>
      <c r="F184" s="46">
        <v>7.3</v>
      </c>
      <c r="G184" s="46">
        <v>6.8</v>
      </c>
      <c r="H184" s="46">
        <v>11.7</v>
      </c>
      <c r="I184" s="47">
        <v>60.3</v>
      </c>
    </row>
    <row r="185" spans="1:25" ht="21.6" x14ac:dyDescent="0.2">
      <c r="B185" s="76"/>
      <c r="C185" s="39" t="s">
        <v>63</v>
      </c>
      <c r="D185" s="45">
        <v>203</v>
      </c>
      <c r="E185" s="46">
        <v>8.9</v>
      </c>
      <c r="F185" s="46">
        <v>6.9</v>
      </c>
      <c r="G185" s="46">
        <v>7.9</v>
      </c>
      <c r="H185" s="46">
        <v>10.3</v>
      </c>
      <c r="I185" s="47">
        <v>66</v>
      </c>
    </row>
    <row r="186" spans="1:25" x14ac:dyDescent="0.2">
      <c r="B186" s="76"/>
      <c r="C186" s="39" t="s">
        <v>64</v>
      </c>
      <c r="D186" s="45">
        <v>263</v>
      </c>
      <c r="E186" s="46">
        <v>16.3</v>
      </c>
      <c r="F186" s="46">
        <v>6.8</v>
      </c>
      <c r="G186" s="46">
        <v>6.5</v>
      </c>
      <c r="H186" s="46">
        <v>12.2</v>
      </c>
      <c r="I186" s="47">
        <v>58.2</v>
      </c>
    </row>
    <row r="187" spans="1:25" x14ac:dyDescent="0.2">
      <c r="B187" s="76"/>
      <c r="C187" s="39" t="s">
        <v>65</v>
      </c>
      <c r="D187" s="45">
        <v>312</v>
      </c>
      <c r="E187" s="46">
        <v>12.5</v>
      </c>
      <c r="F187" s="46">
        <v>6.7</v>
      </c>
      <c r="G187" s="46">
        <v>5.0999999999999996</v>
      </c>
      <c r="H187" s="46">
        <v>13.8</v>
      </c>
      <c r="I187" s="47">
        <v>61.9</v>
      </c>
    </row>
    <row r="188" spans="1:25" x14ac:dyDescent="0.2">
      <c r="B188" s="76"/>
      <c r="C188" s="39" t="s">
        <v>66</v>
      </c>
      <c r="D188" s="45">
        <v>230</v>
      </c>
      <c r="E188" s="46">
        <v>18.7</v>
      </c>
      <c r="F188" s="46">
        <v>7</v>
      </c>
      <c r="G188" s="46">
        <v>9.1</v>
      </c>
      <c r="H188" s="46">
        <v>10.4</v>
      </c>
      <c r="I188" s="47">
        <v>54.8</v>
      </c>
    </row>
    <row r="189" spans="1:25" x14ac:dyDescent="0.2">
      <c r="B189" s="76"/>
      <c r="C189" s="39" t="s">
        <v>67</v>
      </c>
      <c r="D189" s="45">
        <v>78</v>
      </c>
      <c r="E189" s="46">
        <v>10.3</v>
      </c>
      <c r="F189" s="46">
        <v>12.8</v>
      </c>
      <c r="G189" s="46">
        <v>5.0999999999999996</v>
      </c>
      <c r="H189" s="46">
        <v>9</v>
      </c>
      <c r="I189" s="47">
        <v>62.8</v>
      </c>
    </row>
    <row r="190" spans="1:25" x14ac:dyDescent="0.2">
      <c r="B190" s="76"/>
      <c r="C190" s="39" t="s">
        <v>68</v>
      </c>
      <c r="D190" s="45">
        <v>897</v>
      </c>
      <c r="E190" s="46">
        <v>16.3</v>
      </c>
      <c r="F190" s="46">
        <v>7.8</v>
      </c>
      <c r="G190" s="46">
        <v>7.6</v>
      </c>
      <c r="H190" s="46">
        <v>12.9</v>
      </c>
      <c r="I190" s="47">
        <v>55.4</v>
      </c>
    </row>
    <row r="191" spans="1:25" x14ac:dyDescent="0.2">
      <c r="B191" s="76"/>
      <c r="C191" s="39" t="s">
        <v>69</v>
      </c>
      <c r="D191" s="45">
        <v>189</v>
      </c>
      <c r="E191" s="46">
        <v>2.6</v>
      </c>
      <c r="F191" s="46">
        <v>4.8</v>
      </c>
      <c r="G191" s="46">
        <v>3.2</v>
      </c>
      <c r="H191" s="46">
        <v>5.8</v>
      </c>
      <c r="I191" s="47">
        <v>83.6</v>
      </c>
    </row>
    <row r="192" spans="1:25" x14ac:dyDescent="0.2">
      <c r="B192" s="76"/>
      <c r="C192" s="39" t="s">
        <v>70</v>
      </c>
      <c r="D192" s="45">
        <v>914</v>
      </c>
      <c r="E192" s="46">
        <v>9</v>
      </c>
      <c r="F192" s="46">
        <v>4.2</v>
      </c>
      <c r="G192" s="46">
        <v>3.7</v>
      </c>
      <c r="H192" s="46">
        <v>8.5</v>
      </c>
      <c r="I192" s="47">
        <v>74.599999999999994</v>
      </c>
    </row>
    <row r="193" spans="1:25" ht="21.6" x14ac:dyDescent="0.2">
      <c r="B193" s="76"/>
      <c r="C193" s="39" t="s">
        <v>63</v>
      </c>
      <c r="D193" s="45">
        <v>193</v>
      </c>
      <c r="E193" s="46">
        <v>11.4</v>
      </c>
      <c r="F193" s="46">
        <v>5.7</v>
      </c>
      <c r="G193" s="46">
        <v>6.2</v>
      </c>
      <c r="H193" s="46">
        <v>8.3000000000000007</v>
      </c>
      <c r="I193" s="47">
        <v>68.400000000000006</v>
      </c>
    </row>
    <row r="194" spans="1:25" x14ac:dyDescent="0.2">
      <c r="B194" s="76"/>
      <c r="C194" s="39" t="s">
        <v>64</v>
      </c>
      <c r="D194" s="45">
        <v>203</v>
      </c>
      <c r="E194" s="46">
        <v>7.4</v>
      </c>
      <c r="F194" s="46">
        <v>4.4000000000000004</v>
      </c>
      <c r="G194" s="46">
        <v>4.9000000000000004</v>
      </c>
      <c r="H194" s="46">
        <v>9.9</v>
      </c>
      <c r="I194" s="47">
        <v>73.400000000000006</v>
      </c>
    </row>
    <row r="195" spans="1:25" x14ac:dyDescent="0.2">
      <c r="B195" s="76"/>
      <c r="C195" s="39" t="s">
        <v>65</v>
      </c>
      <c r="D195" s="45">
        <v>263</v>
      </c>
      <c r="E195" s="46">
        <v>9.1</v>
      </c>
      <c r="F195" s="46">
        <v>4.5999999999999996</v>
      </c>
      <c r="G195" s="46">
        <v>2.7</v>
      </c>
      <c r="H195" s="46">
        <v>7.6</v>
      </c>
      <c r="I195" s="47">
        <v>76</v>
      </c>
    </row>
    <row r="196" spans="1:25" x14ac:dyDescent="0.2">
      <c r="B196" s="76"/>
      <c r="C196" s="39" t="s">
        <v>66</v>
      </c>
      <c r="D196" s="45">
        <v>194</v>
      </c>
      <c r="E196" s="46">
        <v>9.3000000000000007</v>
      </c>
      <c r="F196" s="46">
        <v>3.1</v>
      </c>
      <c r="G196" s="46">
        <v>2.1</v>
      </c>
      <c r="H196" s="46">
        <v>8.1999999999999993</v>
      </c>
      <c r="I196" s="47">
        <v>77.3</v>
      </c>
    </row>
    <row r="197" spans="1:25" x14ac:dyDescent="0.2">
      <c r="B197" s="76"/>
      <c r="C197" s="39" t="s">
        <v>67</v>
      </c>
      <c r="D197" s="45">
        <v>61</v>
      </c>
      <c r="E197" s="46">
        <v>4.9000000000000004</v>
      </c>
      <c r="F197" s="46">
        <v>0</v>
      </c>
      <c r="G197" s="46">
        <v>1.6</v>
      </c>
      <c r="H197" s="46">
        <v>9.8000000000000007</v>
      </c>
      <c r="I197" s="47">
        <v>83.6</v>
      </c>
    </row>
    <row r="198" spans="1:25" x14ac:dyDescent="0.2">
      <c r="B198" s="76"/>
      <c r="C198" s="39" t="s">
        <v>68</v>
      </c>
      <c r="D198" s="45">
        <v>416</v>
      </c>
      <c r="E198" s="46">
        <v>14.9</v>
      </c>
      <c r="F198" s="46">
        <v>6.5</v>
      </c>
      <c r="G198" s="46">
        <v>6</v>
      </c>
      <c r="H198" s="46">
        <v>13.9</v>
      </c>
      <c r="I198" s="47">
        <v>58.7</v>
      </c>
    </row>
    <row r="199" spans="1:25" x14ac:dyDescent="0.2">
      <c r="B199" s="76"/>
      <c r="C199" s="40" t="s">
        <v>69</v>
      </c>
      <c r="D199" s="48">
        <v>498</v>
      </c>
      <c r="E199" s="49">
        <v>4</v>
      </c>
      <c r="F199" s="49">
        <v>2.2000000000000002</v>
      </c>
      <c r="G199" s="49">
        <v>1.8</v>
      </c>
      <c r="H199" s="49">
        <v>4</v>
      </c>
      <c r="I199" s="50">
        <v>88</v>
      </c>
    </row>
    <row r="201" spans="1:25" x14ac:dyDescent="0.2">
      <c r="A201" s="26" t="s">
        <v>25</v>
      </c>
      <c r="B201" t="s">
        <v>35</v>
      </c>
      <c r="C201" t="s">
        <v>35</v>
      </c>
    </row>
    <row r="202" spans="1:25" x14ac:dyDescent="0.2">
      <c r="B202" s="74" t="s">
        <v>78</v>
      </c>
      <c r="C202" s="75"/>
      <c r="D202" s="75"/>
      <c r="E202" s="75"/>
      <c r="F202" s="75"/>
      <c r="G202" s="75"/>
      <c r="H202" s="75"/>
      <c r="I202" s="75"/>
      <c r="J202" s="75"/>
      <c r="K202" s="75"/>
      <c r="L202" s="75"/>
      <c r="M202" s="75"/>
      <c r="N202" s="75"/>
      <c r="O202" s="75"/>
      <c r="P202" s="75"/>
      <c r="Q202" s="75"/>
      <c r="R202" s="75"/>
      <c r="S202" s="75"/>
      <c r="T202" s="75"/>
      <c r="U202" s="75"/>
      <c r="V202" s="75"/>
      <c r="W202" s="75"/>
      <c r="X202" s="75"/>
      <c r="Y202" s="75"/>
    </row>
    <row r="203" spans="1:25" s="32" customFormat="1" ht="101.25" customHeight="1" x14ac:dyDescent="0.15">
      <c r="A203" s="31"/>
      <c r="D203" s="33" t="s">
        <v>242</v>
      </c>
      <c r="E203" s="35" t="s">
        <v>254</v>
      </c>
      <c r="F203" s="36" t="s">
        <v>255</v>
      </c>
      <c r="G203" s="36" t="s">
        <v>256</v>
      </c>
      <c r="H203" s="36" t="s">
        <v>257</v>
      </c>
      <c r="I203" s="36" t="s">
        <v>258</v>
      </c>
      <c r="J203" s="36" t="s">
        <v>259</v>
      </c>
      <c r="K203" s="36" t="s">
        <v>260</v>
      </c>
      <c r="L203" s="36" t="s">
        <v>261</v>
      </c>
      <c r="M203" s="36" t="s">
        <v>262</v>
      </c>
      <c r="N203" s="36" t="s">
        <v>263</v>
      </c>
      <c r="O203" s="36" t="s">
        <v>264</v>
      </c>
      <c r="P203" s="36" t="s">
        <v>265</v>
      </c>
      <c r="Q203" s="37" t="s">
        <v>266</v>
      </c>
      <c r="R203" s="34" t="s">
        <v>251</v>
      </c>
    </row>
    <row r="204" spans="1:25" x14ac:dyDescent="0.2">
      <c r="B204" s="5"/>
      <c r="C204" s="41" t="s">
        <v>38</v>
      </c>
      <c r="D204" s="42">
        <v>673</v>
      </c>
      <c r="E204" s="43">
        <v>15.8</v>
      </c>
      <c r="F204" s="43">
        <v>15</v>
      </c>
      <c r="G204" s="43">
        <v>29.3</v>
      </c>
      <c r="H204" s="43">
        <v>6.1</v>
      </c>
      <c r="I204" s="43">
        <v>2.8</v>
      </c>
      <c r="J204" s="43">
        <v>5.5</v>
      </c>
      <c r="K204" s="43">
        <v>5.9</v>
      </c>
      <c r="L204" s="43">
        <v>23.8</v>
      </c>
      <c r="M204" s="43">
        <v>5.8</v>
      </c>
      <c r="N204" s="43">
        <v>12.6</v>
      </c>
      <c r="O204" s="43">
        <v>0.3</v>
      </c>
      <c r="P204" s="43">
        <v>0</v>
      </c>
      <c r="Q204" s="44">
        <v>5.6</v>
      </c>
    </row>
    <row r="205" spans="1:25" x14ac:dyDescent="0.2">
      <c r="B205" s="76" t="s">
        <v>37</v>
      </c>
      <c r="C205" s="39" t="s">
        <v>39</v>
      </c>
      <c r="D205" s="45">
        <v>39</v>
      </c>
      <c r="E205" s="46">
        <v>20.5</v>
      </c>
      <c r="F205" s="46">
        <v>10.3</v>
      </c>
      <c r="G205" s="46">
        <v>28.2</v>
      </c>
      <c r="H205" s="46">
        <v>10.3</v>
      </c>
      <c r="I205" s="46">
        <v>10.3</v>
      </c>
      <c r="J205" s="46">
        <v>7.7</v>
      </c>
      <c r="K205" s="46">
        <v>15.4</v>
      </c>
      <c r="L205" s="46">
        <v>20.5</v>
      </c>
      <c r="M205" s="46">
        <v>2.6</v>
      </c>
      <c r="N205" s="46">
        <v>7.7</v>
      </c>
      <c r="O205" s="46">
        <v>0</v>
      </c>
      <c r="P205" s="46">
        <v>0</v>
      </c>
      <c r="Q205" s="47">
        <v>5.0999999999999996</v>
      </c>
    </row>
    <row r="206" spans="1:25" x14ac:dyDescent="0.2">
      <c r="B206" s="76"/>
      <c r="C206" s="39" t="s">
        <v>40</v>
      </c>
      <c r="D206" s="45">
        <v>187</v>
      </c>
      <c r="E206" s="46">
        <v>17.100000000000001</v>
      </c>
      <c r="F206" s="46">
        <v>22.5</v>
      </c>
      <c r="G206" s="46">
        <v>33.700000000000003</v>
      </c>
      <c r="H206" s="46">
        <v>7</v>
      </c>
      <c r="I206" s="46">
        <v>2.1</v>
      </c>
      <c r="J206" s="46">
        <v>3.7</v>
      </c>
      <c r="K206" s="46">
        <v>4.3</v>
      </c>
      <c r="L206" s="46">
        <v>20.3</v>
      </c>
      <c r="M206" s="46">
        <v>5.3</v>
      </c>
      <c r="N206" s="46">
        <v>12.3</v>
      </c>
      <c r="O206" s="46">
        <v>0.5</v>
      </c>
      <c r="P206" s="46">
        <v>0</v>
      </c>
      <c r="Q206" s="47">
        <v>2.7</v>
      </c>
    </row>
    <row r="207" spans="1:25" ht="21.6" x14ac:dyDescent="0.2">
      <c r="B207" s="76"/>
      <c r="C207" s="39" t="s">
        <v>41</v>
      </c>
      <c r="D207" s="45">
        <v>12</v>
      </c>
      <c r="E207" s="46">
        <v>16.7</v>
      </c>
      <c r="F207" s="46">
        <v>25</v>
      </c>
      <c r="G207" s="46">
        <v>33.299999999999997</v>
      </c>
      <c r="H207" s="46">
        <v>16.7</v>
      </c>
      <c r="I207" s="46">
        <v>0</v>
      </c>
      <c r="J207" s="46">
        <v>25</v>
      </c>
      <c r="K207" s="46">
        <v>8.3000000000000007</v>
      </c>
      <c r="L207" s="46">
        <v>33.299999999999997</v>
      </c>
      <c r="M207" s="46">
        <v>8.3000000000000007</v>
      </c>
      <c r="N207" s="46">
        <v>16.7</v>
      </c>
      <c r="O207" s="46">
        <v>0</v>
      </c>
      <c r="P207" s="46">
        <v>0</v>
      </c>
      <c r="Q207" s="47">
        <v>8.3000000000000007</v>
      </c>
    </row>
    <row r="208" spans="1:25" ht="21.6" x14ac:dyDescent="0.2">
      <c r="B208" s="76"/>
      <c r="C208" s="39" t="s">
        <v>42</v>
      </c>
      <c r="D208" s="45">
        <v>165</v>
      </c>
      <c r="E208" s="46">
        <v>10.9</v>
      </c>
      <c r="F208" s="46">
        <v>12.1</v>
      </c>
      <c r="G208" s="46">
        <v>30.9</v>
      </c>
      <c r="H208" s="46">
        <v>4.2</v>
      </c>
      <c r="I208" s="46">
        <v>1.8</v>
      </c>
      <c r="J208" s="46">
        <v>7.3</v>
      </c>
      <c r="K208" s="46">
        <v>5.5</v>
      </c>
      <c r="L208" s="46">
        <v>24.8</v>
      </c>
      <c r="M208" s="46">
        <v>7.9</v>
      </c>
      <c r="N208" s="46">
        <v>15.8</v>
      </c>
      <c r="O208" s="46">
        <v>0.6</v>
      </c>
      <c r="P208" s="46">
        <v>0</v>
      </c>
      <c r="Q208" s="47">
        <v>7.9</v>
      </c>
    </row>
    <row r="209" spans="2:17" ht="21.6" x14ac:dyDescent="0.2">
      <c r="B209" s="76"/>
      <c r="C209" s="39" t="s">
        <v>43</v>
      </c>
      <c r="D209" s="45">
        <v>55</v>
      </c>
      <c r="E209" s="46">
        <v>20</v>
      </c>
      <c r="F209" s="46">
        <v>16.399999999999999</v>
      </c>
      <c r="G209" s="46">
        <v>20</v>
      </c>
      <c r="H209" s="46">
        <v>3.6</v>
      </c>
      <c r="I209" s="46">
        <v>1.8</v>
      </c>
      <c r="J209" s="46">
        <v>5.5</v>
      </c>
      <c r="K209" s="46">
        <v>1.8</v>
      </c>
      <c r="L209" s="46">
        <v>34.5</v>
      </c>
      <c r="M209" s="46">
        <v>3.6</v>
      </c>
      <c r="N209" s="46">
        <v>7.3</v>
      </c>
      <c r="O209" s="46">
        <v>0</v>
      </c>
      <c r="P209" s="46">
        <v>0</v>
      </c>
      <c r="Q209" s="47">
        <v>9.1</v>
      </c>
    </row>
    <row r="210" spans="2:17" ht="21.6" x14ac:dyDescent="0.2">
      <c r="B210" s="76"/>
      <c r="C210" s="39" t="s">
        <v>44</v>
      </c>
      <c r="D210" s="45">
        <v>75</v>
      </c>
      <c r="E210" s="46">
        <v>12</v>
      </c>
      <c r="F210" s="46">
        <v>10.7</v>
      </c>
      <c r="G210" s="46">
        <v>44</v>
      </c>
      <c r="H210" s="46">
        <v>1.3</v>
      </c>
      <c r="I210" s="46">
        <v>4</v>
      </c>
      <c r="J210" s="46">
        <v>1.3</v>
      </c>
      <c r="K210" s="46">
        <v>4</v>
      </c>
      <c r="L210" s="46">
        <v>14.7</v>
      </c>
      <c r="M210" s="46">
        <v>1.3</v>
      </c>
      <c r="N210" s="46">
        <v>9.3000000000000007</v>
      </c>
      <c r="O210" s="46">
        <v>0</v>
      </c>
      <c r="P210" s="46">
        <v>0</v>
      </c>
      <c r="Q210" s="47">
        <v>8</v>
      </c>
    </row>
    <row r="211" spans="2:17" ht="21.6" x14ac:dyDescent="0.2">
      <c r="B211" s="76"/>
      <c r="C211" s="39" t="s">
        <v>45</v>
      </c>
      <c r="D211" s="45">
        <v>140</v>
      </c>
      <c r="E211" s="46">
        <v>18.600000000000001</v>
      </c>
      <c r="F211" s="46">
        <v>10.7</v>
      </c>
      <c r="G211" s="46">
        <v>17.100000000000001</v>
      </c>
      <c r="H211" s="46">
        <v>8.6</v>
      </c>
      <c r="I211" s="46">
        <v>2.9</v>
      </c>
      <c r="J211" s="46">
        <v>5.7</v>
      </c>
      <c r="K211" s="46">
        <v>8.6</v>
      </c>
      <c r="L211" s="46">
        <v>27.9</v>
      </c>
      <c r="M211" s="46">
        <v>7.9</v>
      </c>
      <c r="N211" s="46">
        <v>14.3</v>
      </c>
      <c r="O211" s="46">
        <v>0</v>
      </c>
      <c r="P211" s="46">
        <v>0</v>
      </c>
      <c r="Q211" s="47">
        <v>4.3</v>
      </c>
    </row>
    <row r="212" spans="2:17" ht="21.6" x14ac:dyDescent="0.2">
      <c r="B212" s="76"/>
      <c r="C212" s="39" t="s">
        <v>46</v>
      </c>
      <c r="D212" s="45">
        <v>95</v>
      </c>
      <c r="E212" s="46">
        <v>10.5</v>
      </c>
      <c r="F212" s="46">
        <v>11.6</v>
      </c>
      <c r="G212" s="46">
        <v>22.1</v>
      </c>
      <c r="H212" s="46">
        <v>7.4</v>
      </c>
      <c r="I212" s="46">
        <v>3.2</v>
      </c>
      <c r="J212" s="46">
        <v>2.1</v>
      </c>
      <c r="K212" s="46">
        <v>5.3</v>
      </c>
      <c r="L212" s="46">
        <v>25.3</v>
      </c>
      <c r="M212" s="46">
        <v>10.5</v>
      </c>
      <c r="N212" s="46">
        <v>9.5</v>
      </c>
      <c r="O212" s="46">
        <v>0</v>
      </c>
      <c r="P212" s="46">
        <v>0</v>
      </c>
      <c r="Q212" s="47">
        <v>10.5</v>
      </c>
    </row>
    <row r="213" spans="2:17" ht="21.6" x14ac:dyDescent="0.2">
      <c r="B213" s="76"/>
      <c r="C213" s="39" t="s">
        <v>47</v>
      </c>
      <c r="D213" s="45">
        <v>130</v>
      </c>
      <c r="E213" s="46">
        <v>20.8</v>
      </c>
      <c r="F213" s="46">
        <v>16.2</v>
      </c>
      <c r="G213" s="46">
        <v>28.5</v>
      </c>
      <c r="H213" s="46">
        <v>6.2</v>
      </c>
      <c r="I213" s="46">
        <v>3.8</v>
      </c>
      <c r="J213" s="46">
        <v>6.9</v>
      </c>
      <c r="K213" s="46">
        <v>6.9</v>
      </c>
      <c r="L213" s="46">
        <v>21.5</v>
      </c>
      <c r="M213" s="46">
        <v>6.2</v>
      </c>
      <c r="N213" s="46">
        <v>11.5</v>
      </c>
      <c r="O213" s="46">
        <v>0.8</v>
      </c>
      <c r="P213" s="46">
        <v>0</v>
      </c>
      <c r="Q213" s="47">
        <v>3.8</v>
      </c>
    </row>
    <row r="214" spans="2:17" ht="21.6" x14ac:dyDescent="0.2">
      <c r="B214" s="76"/>
      <c r="C214" s="39" t="s">
        <v>48</v>
      </c>
      <c r="D214" s="45">
        <v>130</v>
      </c>
      <c r="E214" s="46">
        <v>15.4</v>
      </c>
      <c r="F214" s="46">
        <v>13.1</v>
      </c>
      <c r="G214" s="46">
        <v>27.7</v>
      </c>
      <c r="H214" s="46">
        <v>1.5</v>
      </c>
      <c r="I214" s="46">
        <v>3.1</v>
      </c>
      <c r="J214" s="46">
        <v>6.2</v>
      </c>
      <c r="K214" s="46">
        <v>8.5</v>
      </c>
      <c r="L214" s="46">
        <v>23.1</v>
      </c>
      <c r="M214" s="46">
        <v>7.7</v>
      </c>
      <c r="N214" s="46">
        <v>15.4</v>
      </c>
      <c r="O214" s="46">
        <v>0</v>
      </c>
      <c r="P214" s="46">
        <v>0</v>
      </c>
      <c r="Q214" s="47">
        <v>2.2999999999999998</v>
      </c>
    </row>
    <row r="215" spans="2:17" ht="21.6" x14ac:dyDescent="0.2">
      <c r="B215" s="76"/>
      <c r="C215" s="39" t="s">
        <v>49</v>
      </c>
      <c r="D215" s="45">
        <v>104</v>
      </c>
      <c r="E215" s="46">
        <v>17.3</v>
      </c>
      <c r="F215" s="46">
        <v>17.3</v>
      </c>
      <c r="G215" s="46">
        <v>31.7</v>
      </c>
      <c r="H215" s="46">
        <v>6.7</v>
      </c>
      <c r="I215" s="46">
        <v>1.9</v>
      </c>
      <c r="J215" s="46">
        <v>6.7</v>
      </c>
      <c r="K215" s="46">
        <v>5.8</v>
      </c>
      <c r="L215" s="46">
        <v>27.9</v>
      </c>
      <c r="M215" s="46">
        <v>3.8</v>
      </c>
      <c r="N215" s="46">
        <v>17.3</v>
      </c>
      <c r="O215" s="46">
        <v>1</v>
      </c>
      <c r="P215" s="46">
        <v>0</v>
      </c>
      <c r="Q215" s="47">
        <v>1.9</v>
      </c>
    </row>
    <row r="216" spans="2:17" ht="21.6" x14ac:dyDescent="0.2">
      <c r="B216" s="76"/>
      <c r="C216" s="39" t="s">
        <v>50</v>
      </c>
      <c r="D216" s="45">
        <v>76</v>
      </c>
      <c r="E216" s="46">
        <v>13.2</v>
      </c>
      <c r="F216" s="46">
        <v>21.1</v>
      </c>
      <c r="G216" s="46">
        <v>42.1</v>
      </c>
      <c r="H216" s="46">
        <v>6.6</v>
      </c>
      <c r="I216" s="46">
        <v>0</v>
      </c>
      <c r="J216" s="46">
        <v>5.3</v>
      </c>
      <c r="K216" s="46">
        <v>2.6</v>
      </c>
      <c r="L216" s="46">
        <v>25</v>
      </c>
      <c r="M216" s="46">
        <v>2.6</v>
      </c>
      <c r="N216" s="46">
        <v>11.8</v>
      </c>
      <c r="O216" s="46">
        <v>0</v>
      </c>
      <c r="P216" s="46">
        <v>0</v>
      </c>
      <c r="Q216" s="47">
        <v>3.9</v>
      </c>
    </row>
    <row r="217" spans="2:17" ht="21.6" x14ac:dyDescent="0.2">
      <c r="B217" s="76"/>
      <c r="C217" s="39" t="s">
        <v>51</v>
      </c>
      <c r="D217" s="45">
        <v>71</v>
      </c>
      <c r="E217" s="46">
        <v>14.1</v>
      </c>
      <c r="F217" s="46">
        <v>11.3</v>
      </c>
      <c r="G217" s="46">
        <v>26.8</v>
      </c>
      <c r="H217" s="46">
        <v>7</v>
      </c>
      <c r="I217" s="46">
        <v>2.8</v>
      </c>
      <c r="J217" s="46">
        <v>5.6</v>
      </c>
      <c r="K217" s="46">
        <v>5.6</v>
      </c>
      <c r="L217" s="46">
        <v>18.3</v>
      </c>
      <c r="M217" s="46">
        <v>5.6</v>
      </c>
      <c r="N217" s="46">
        <v>14.1</v>
      </c>
      <c r="O217" s="46">
        <v>0</v>
      </c>
      <c r="P217" s="46">
        <v>0</v>
      </c>
      <c r="Q217" s="47">
        <v>12.7</v>
      </c>
    </row>
    <row r="218" spans="2:17" ht="21.6" x14ac:dyDescent="0.2">
      <c r="B218" s="76"/>
      <c r="C218" s="39" t="s">
        <v>52</v>
      </c>
      <c r="D218" s="45">
        <v>60</v>
      </c>
      <c r="E218" s="46">
        <v>20</v>
      </c>
      <c r="F218" s="46">
        <v>11.7</v>
      </c>
      <c r="G218" s="46">
        <v>10</v>
      </c>
      <c r="H218" s="46">
        <v>5</v>
      </c>
      <c r="I218" s="46">
        <v>6.7</v>
      </c>
      <c r="J218" s="46">
        <v>6.7</v>
      </c>
      <c r="K218" s="46">
        <v>6.7</v>
      </c>
      <c r="L218" s="46">
        <v>16.7</v>
      </c>
      <c r="M218" s="46">
        <v>6.7</v>
      </c>
      <c r="N218" s="46">
        <v>11.7</v>
      </c>
      <c r="O218" s="46">
        <v>1.7</v>
      </c>
      <c r="P218" s="46">
        <v>0</v>
      </c>
      <c r="Q218" s="47">
        <v>15</v>
      </c>
    </row>
    <row r="219" spans="2:17" x14ac:dyDescent="0.2">
      <c r="B219" s="76"/>
      <c r="C219" s="39" t="s">
        <v>53</v>
      </c>
      <c r="D219" s="45">
        <v>56</v>
      </c>
      <c r="E219" s="46">
        <v>32.1</v>
      </c>
      <c r="F219" s="46">
        <v>14.3</v>
      </c>
      <c r="G219" s="46">
        <v>12.5</v>
      </c>
      <c r="H219" s="46">
        <v>1.8</v>
      </c>
      <c r="I219" s="46">
        <v>1.8</v>
      </c>
      <c r="J219" s="46">
        <v>5.4</v>
      </c>
      <c r="K219" s="46">
        <v>17.899999999999999</v>
      </c>
      <c r="L219" s="46">
        <v>14.3</v>
      </c>
      <c r="M219" s="46">
        <v>3.6</v>
      </c>
      <c r="N219" s="46">
        <v>10.7</v>
      </c>
      <c r="O219" s="46">
        <v>0</v>
      </c>
      <c r="P219" s="46">
        <v>0</v>
      </c>
      <c r="Q219" s="47">
        <v>5.4</v>
      </c>
    </row>
    <row r="220" spans="2:17" ht="21.6" x14ac:dyDescent="0.2">
      <c r="B220" s="76"/>
      <c r="C220" s="39" t="s">
        <v>54</v>
      </c>
      <c r="D220" s="45">
        <v>201</v>
      </c>
      <c r="E220" s="46">
        <v>15.9</v>
      </c>
      <c r="F220" s="46">
        <v>13.4</v>
      </c>
      <c r="G220" s="46">
        <v>19.399999999999999</v>
      </c>
      <c r="H220" s="46">
        <v>9.5</v>
      </c>
      <c r="I220" s="46">
        <v>3.5</v>
      </c>
      <c r="J220" s="46">
        <v>5</v>
      </c>
      <c r="K220" s="46">
        <v>7</v>
      </c>
      <c r="L220" s="46">
        <v>30.8</v>
      </c>
      <c r="M220" s="46">
        <v>6.5</v>
      </c>
      <c r="N220" s="46">
        <v>12.9</v>
      </c>
      <c r="O220" s="46">
        <v>0.5</v>
      </c>
      <c r="P220" s="46">
        <v>0</v>
      </c>
      <c r="Q220" s="47">
        <v>4</v>
      </c>
    </row>
    <row r="221" spans="2:17" ht="21.6" x14ac:dyDescent="0.2">
      <c r="B221" s="76"/>
      <c r="C221" s="39" t="s">
        <v>55</v>
      </c>
      <c r="D221" s="45">
        <v>315</v>
      </c>
      <c r="E221" s="46">
        <v>10.8</v>
      </c>
      <c r="F221" s="46">
        <v>17.5</v>
      </c>
      <c r="G221" s="46">
        <v>42.9</v>
      </c>
      <c r="H221" s="46">
        <v>5.0999999999999996</v>
      </c>
      <c r="I221" s="46">
        <v>1.6</v>
      </c>
      <c r="J221" s="46">
        <v>5.7</v>
      </c>
      <c r="K221" s="46">
        <v>3.2</v>
      </c>
      <c r="L221" s="46">
        <v>23.2</v>
      </c>
      <c r="M221" s="46">
        <v>4.8</v>
      </c>
      <c r="N221" s="46">
        <v>13.3</v>
      </c>
      <c r="O221" s="46">
        <v>0</v>
      </c>
      <c r="P221" s="46">
        <v>0</v>
      </c>
      <c r="Q221" s="47">
        <v>5.4</v>
      </c>
    </row>
    <row r="222" spans="2:17" ht="21.6" x14ac:dyDescent="0.2">
      <c r="B222" s="76"/>
      <c r="C222" s="39" t="s">
        <v>56</v>
      </c>
      <c r="D222" s="45">
        <v>355</v>
      </c>
      <c r="E222" s="46">
        <v>13.8</v>
      </c>
      <c r="F222" s="46">
        <v>16.600000000000001</v>
      </c>
      <c r="G222" s="46">
        <v>39.4</v>
      </c>
      <c r="H222" s="46">
        <v>6.2</v>
      </c>
      <c r="I222" s="46">
        <v>2.2999999999999998</v>
      </c>
      <c r="J222" s="46">
        <v>6.5</v>
      </c>
      <c r="K222" s="46">
        <v>5.4</v>
      </c>
      <c r="L222" s="46">
        <v>23.9</v>
      </c>
      <c r="M222" s="46">
        <v>5.4</v>
      </c>
      <c r="N222" s="46">
        <v>11</v>
      </c>
      <c r="O222" s="46">
        <v>0</v>
      </c>
      <c r="P222" s="46">
        <v>0</v>
      </c>
      <c r="Q222" s="47">
        <v>2.8</v>
      </c>
    </row>
    <row r="223" spans="2:17" x14ac:dyDescent="0.2">
      <c r="B223" s="76"/>
      <c r="C223" s="40" t="s">
        <v>57</v>
      </c>
      <c r="D223" s="48">
        <v>249</v>
      </c>
      <c r="E223" s="49">
        <v>18.100000000000001</v>
      </c>
      <c r="F223" s="49">
        <v>14.1</v>
      </c>
      <c r="G223" s="49">
        <v>19.3</v>
      </c>
      <c r="H223" s="49">
        <v>5.6</v>
      </c>
      <c r="I223" s="49">
        <v>4</v>
      </c>
      <c r="J223" s="49">
        <v>4.4000000000000004</v>
      </c>
      <c r="K223" s="49">
        <v>7.2</v>
      </c>
      <c r="L223" s="49">
        <v>21.3</v>
      </c>
      <c r="M223" s="49">
        <v>6</v>
      </c>
      <c r="N223" s="49">
        <v>13.3</v>
      </c>
      <c r="O223" s="49">
        <v>0.8</v>
      </c>
      <c r="P223" s="49">
        <v>0</v>
      </c>
      <c r="Q223" s="50">
        <v>10</v>
      </c>
    </row>
    <row r="224" spans="2:17" x14ac:dyDescent="0.2">
      <c r="B224" s="7" t="s">
        <v>71</v>
      </c>
      <c r="C224" s="4" t="s">
        <v>79</v>
      </c>
    </row>
    <row r="225" spans="1:25" x14ac:dyDescent="0.2">
      <c r="B225" s="4"/>
      <c r="C225" s="4" t="s">
        <v>73</v>
      </c>
    </row>
    <row r="227" spans="1:25" x14ac:dyDescent="0.2">
      <c r="C227" t="s">
        <v>35</v>
      </c>
    </row>
    <row r="228" spans="1:25" x14ac:dyDescent="0.2">
      <c r="B228" s="74" t="s">
        <v>181</v>
      </c>
      <c r="C228" s="75"/>
      <c r="D228" s="75"/>
      <c r="E228" s="75"/>
      <c r="F228" s="75"/>
      <c r="G228" s="75"/>
      <c r="H228" s="75"/>
      <c r="I228" s="75"/>
      <c r="J228" s="75"/>
      <c r="K228" s="75"/>
      <c r="L228" s="75"/>
      <c r="M228" s="75"/>
      <c r="N228" s="75"/>
      <c r="O228" s="75"/>
      <c r="P228" s="75"/>
      <c r="Q228" s="75"/>
      <c r="R228" s="75"/>
      <c r="S228" s="75"/>
      <c r="T228" s="75"/>
      <c r="U228" s="75"/>
      <c r="V228" s="75"/>
      <c r="W228" s="75"/>
      <c r="X228" s="75"/>
      <c r="Y228" s="75"/>
    </row>
    <row r="229" spans="1:25" s="32" customFormat="1" ht="101.25" customHeight="1" x14ac:dyDescent="0.15">
      <c r="A229" s="31"/>
      <c r="D229" s="33" t="s">
        <v>242</v>
      </c>
      <c r="E229" s="35" t="s">
        <v>254</v>
      </c>
      <c r="F229" s="36" t="s">
        <v>255</v>
      </c>
      <c r="G229" s="36" t="s">
        <v>256</v>
      </c>
      <c r="H229" s="36" t="s">
        <v>257</v>
      </c>
      <c r="I229" s="36" t="s">
        <v>258</v>
      </c>
      <c r="J229" s="36" t="s">
        <v>259</v>
      </c>
      <c r="K229" s="36" t="s">
        <v>260</v>
      </c>
      <c r="L229" s="36" t="s">
        <v>261</v>
      </c>
      <c r="M229" s="36" t="s">
        <v>262</v>
      </c>
      <c r="N229" s="36" t="s">
        <v>263</v>
      </c>
      <c r="O229" s="36" t="s">
        <v>264</v>
      </c>
      <c r="P229" s="36" t="s">
        <v>265</v>
      </c>
      <c r="Q229" s="37" t="s">
        <v>266</v>
      </c>
      <c r="R229" s="34" t="s">
        <v>251</v>
      </c>
    </row>
    <row r="230" spans="1:25" ht="21.6" x14ac:dyDescent="0.2">
      <c r="B230" s="76" t="s">
        <v>37</v>
      </c>
      <c r="C230" s="38" t="s">
        <v>58</v>
      </c>
      <c r="D230" s="51">
        <v>267</v>
      </c>
      <c r="E230" s="52">
        <v>15.4</v>
      </c>
      <c r="F230" s="52">
        <v>17.2</v>
      </c>
      <c r="G230" s="52">
        <v>38.6</v>
      </c>
      <c r="H230" s="52">
        <v>6.4</v>
      </c>
      <c r="I230" s="52">
        <v>3.4</v>
      </c>
      <c r="J230" s="52">
        <v>7.9</v>
      </c>
      <c r="K230" s="52">
        <v>6.4</v>
      </c>
      <c r="L230" s="52">
        <v>23.2</v>
      </c>
      <c r="M230" s="52">
        <v>6</v>
      </c>
      <c r="N230" s="52">
        <v>7.5</v>
      </c>
      <c r="O230" s="52">
        <v>0</v>
      </c>
      <c r="P230" s="52">
        <v>0</v>
      </c>
      <c r="Q230" s="53">
        <v>1.9</v>
      </c>
    </row>
    <row r="231" spans="1:25" ht="21.6" x14ac:dyDescent="0.2">
      <c r="B231" s="76"/>
      <c r="C231" s="39" t="s">
        <v>59</v>
      </c>
      <c r="D231" s="45">
        <v>406</v>
      </c>
      <c r="E231" s="46">
        <v>16</v>
      </c>
      <c r="F231" s="46">
        <v>13.5</v>
      </c>
      <c r="G231" s="46">
        <v>23.2</v>
      </c>
      <c r="H231" s="46">
        <v>5.9</v>
      </c>
      <c r="I231" s="46">
        <v>2.5</v>
      </c>
      <c r="J231" s="46">
        <v>3.9</v>
      </c>
      <c r="K231" s="46">
        <v>5.7</v>
      </c>
      <c r="L231" s="46">
        <v>24.1</v>
      </c>
      <c r="M231" s="46">
        <v>5.7</v>
      </c>
      <c r="N231" s="46">
        <v>16</v>
      </c>
      <c r="O231" s="46">
        <v>0.5</v>
      </c>
      <c r="P231" s="46">
        <v>0</v>
      </c>
      <c r="Q231" s="47">
        <v>8.1</v>
      </c>
    </row>
    <row r="232" spans="1:25" x14ac:dyDescent="0.2">
      <c r="B232" s="76"/>
      <c r="C232" s="39" t="s">
        <v>60</v>
      </c>
      <c r="D232" s="45">
        <v>497</v>
      </c>
      <c r="E232" s="46">
        <v>15.1</v>
      </c>
      <c r="F232" s="46">
        <v>14.3</v>
      </c>
      <c r="G232" s="46">
        <v>30.4</v>
      </c>
      <c r="H232" s="46">
        <v>7.4</v>
      </c>
      <c r="I232" s="46">
        <v>2</v>
      </c>
      <c r="J232" s="46">
        <v>5.4</v>
      </c>
      <c r="K232" s="46">
        <v>5.8</v>
      </c>
      <c r="L232" s="46">
        <v>25.4</v>
      </c>
      <c r="M232" s="46">
        <v>5.8</v>
      </c>
      <c r="N232" s="46">
        <v>13.1</v>
      </c>
      <c r="O232" s="46">
        <v>0.4</v>
      </c>
      <c r="P232" s="46">
        <v>0</v>
      </c>
      <c r="Q232" s="47">
        <v>6.2</v>
      </c>
    </row>
    <row r="233" spans="1:25" x14ac:dyDescent="0.2">
      <c r="B233" s="76"/>
      <c r="C233" s="39" t="s">
        <v>61</v>
      </c>
      <c r="D233" s="45">
        <v>176</v>
      </c>
      <c r="E233" s="46">
        <v>17.600000000000001</v>
      </c>
      <c r="F233" s="46">
        <v>17</v>
      </c>
      <c r="G233" s="46">
        <v>26.1</v>
      </c>
      <c r="H233" s="46">
        <v>2.2999999999999998</v>
      </c>
      <c r="I233" s="46">
        <v>5.0999999999999996</v>
      </c>
      <c r="J233" s="46">
        <v>5.7</v>
      </c>
      <c r="K233" s="46">
        <v>6.3</v>
      </c>
      <c r="L233" s="46">
        <v>19.3</v>
      </c>
      <c r="M233" s="46">
        <v>5.7</v>
      </c>
      <c r="N233" s="46">
        <v>11.4</v>
      </c>
      <c r="O233" s="46">
        <v>0</v>
      </c>
      <c r="P233" s="46">
        <v>0</v>
      </c>
      <c r="Q233" s="47">
        <v>4</v>
      </c>
    </row>
    <row r="234" spans="1:25" x14ac:dyDescent="0.2">
      <c r="B234" s="76"/>
      <c r="C234" s="39" t="s">
        <v>62</v>
      </c>
      <c r="D234" s="45">
        <v>435</v>
      </c>
      <c r="E234" s="46">
        <v>15.4</v>
      </c>
      <c r="F234" s="46">
        <v>15.2</v>
      </c>
      <c r="G234" s="46">
        <v>31</v>
      </c>
      <c r="H234" s="46">
        <v>6.2</v>
      </c>
      <c r="I234" s="46">
        <v>3.2</v>
      </c>
      <c r="J234" s="46">
        <v>6.4</v>
      </c>
      <c r="K234" s="46">
        <v>7.4</v>
      </c>
      <c r="L234" s="46">
        <v>22.8</v>
      </c>
      <c r="M234" s="46">
        <v>5.7</v>
      </c>
      <c r="N234" s="46">
        <v>14.5</v>
      </c>
      <c r="O234" s="46">
        <v>0.5</v>
      </c>
      <c r="P234" s="46">
        <v>0</v>
      </c>
      <c r="Q234" s="47">
        <v>3.9</v>
      </c>
    </row>
    <row r="235" spans="1:25" ht="21.6" x14ac:dyDescent="0.2">
      <c r="B235" s="76"/>
      <c r="C235" s="39" t="s">
        <v>63</v>
      </c>
      <c r="D235" s="45">
        <v>70</v>
      </c>
      <c r="E235" s="46">
        <v>11.4</v>
      </c>
      <c r="F235" s="46">
        <v>15.7</v>
      </c>
      <c r="G235" s="46">
        <v>20</v>
      </c>
      <c r="H235" s="46">
        <v>11.4</v>
      </c>
      <c r="I235" s="46">
        <v>7.1</v>
      </c>
      <c r="J235" s="46">
        <v>7.1</v>
      </c>
      <c r="K235" s="46">
        <v>8.6</v>
      </c>
      <c r="L235" s="46">
        <v>27.1</v>
      </c>
      <c r="M235" s="46">
        <v>8.6</v>
      </c>
      <c r="N235" s="46">
        <v>7.1</v>
      </c>
      <c r="O235" s="46">
        <v>0</v>
      </c>
      <c r="P235" s="46">
        <v>0</v>
      </c>
      <c r="Q235" s="47">
        <v>7.1</v>
      </c>
    </row>
    <row r="236" spans="1:25" x14ac:dyDescent="0.2">
      <c r="B236" s="76"/>
      <c r="C236" s="39" t="s">
        <v>64</v>
      </c>
      <c r="D236" s="45">
        <v>111</v>
      </c>
      <c r="E236" s="46">
        <v>31.5</v>
      </c>
      <c r="F236" s="46">
        <v>16.2</v>
      </c>
      <c r="G236" s="46">
        <v>29.7</v>
      </c>
      <c r="H236" s="46">
        <v>7.2</v>
      </c>
      <c r="I236" s="46">
        <v>3.6</v>
      </c>
      <c r="J236" s="46">
        <v>9.9</v>
      </c>
      <c r="K236" s="46">
        <v>9</v>
      </c>
      <c r="L236" s="46">
        <v>19.8</v>
      </c>
      <c r="M236" s="46">
        <v>7.2</v>
      </c>
      <c r="N236" s="46">
        <v>12.6</v>
      </c>
      <c r="O236" s="46">
        <v>0</v>
      </c>
      <c r="P236" s="46">
        <v>0</v>
      </c>
      <c r="Q236" s="47">
        <v>1.8</v>
      </c>
    </row>
    <row r="237" spans="1:25" x14ac:dyDescent="0.2">
      <c r="B237" s="76"/>
      <c r="C237" s="39" t="s">
        <v>65</v>
      </c>
      <c r="D237" s="45">
        <v>120</v>
      </c>
      <c r="E237" s="46">
        <v>11.7</v>
      </c>
      <c r="F237" s="46">
        <v>14.2</v>
      </c>
      <c r="G237" s="46">
        <v>29.2</v>
      </c>
      <c r="H237" s="46">
        <v>8.3000000000000007</v>
      </c>
      <c r="I237" s="46">
        <v>1.7</v>
      </c>
      <c r="J237" s="46">
        <v>5</v>
      </c>
      <c r="K237" s="46">
        <v>9.1999999999999993</v>
      </c>
      <c r="L237" s="46">
        <v>20.8</v>
      </c>
      <c r="M237" s="46">
        <v>5</v>
      </c>
      <c r="N237" s="46">
        <v>15</v>
      </c>
      <c r="O237" s="46">
        <v>1.7</v>
      </c>
      <c r="P237" s="46">
        <v>0</v>
      </c>
      <c r="Q237" s="47">
        <v>4.2</v>
      </c>
    </row>
    <row r="238" spans="1:25" x14ac:dyDescent="0.2">
      <c r="B238" s="76"/>
      <c r="C238" s="39" t="s">
        <v>66</v>
      </c>
      <c r="D238" s="45">
        <v>105</v>
      </c>
      <c r="E238" s="46">
        <v>6.7</v>
      </c>
      <c r="F238" s="46">
        <v>15.2</v>
      </c>
      <c r="G238" s="46">
        <v>43.8</v>
      </c>
      <c r="H238" s="46">
        <v>1</v>
      </c>
      <c r="I238" s="46">
        <v>2.9</v>
      </c>
      <c r="J238" s="46">
        <v>4.8</v>
      </c>
      <c r="K238" s="46">
        <v>3.8</v>
      </c>
      <c r="L238" s="46">
        <v>24.8</v>
      </c>
      <c r="M238" s="46">
        <v>4.8</v>
      </c>
      <c r="N238" s="46">
        <v>16.2</v>
      </c>
      <c r="O238" s="46">
        <v>0</v>
      </c>
      <c r="P238" s="46">
        <v>0</v>
      </c>
      <c r="Q238" s="47">
        <v>2.9</v>
      </c>
    </row>
    <row r="239" spans="1:25" x14ac:dyDescent="0.2">
      <c r="B239" s="76"/>
      <c r="C239" s="39" t="s">
        <v>67</v>
      </c>
      <c r="D239" s="45">
        <v>29</v>
      </c>
      <c r="E239" s="46">
        <v>10.3</v>
      </c>
      <c r="F239" s="46">
        <v>13.8</v>
      </c>
      <c r="G239" s="46">
        <v>24.1</v>
      </c>
      <c r="H239" s="46">
        <v>0</v>
      </c>
      <c r="I239" s="46">
        <v>0</v>
      </c>
      <c r="J239" s="46">
        <v>3.4</v>
      </c>
      <c r="K239" s="46">
        <v>3.4</v>
      </c>
      <c r="L239" s="46">
        <v>24.1</v>
      </c>
      <c r="M239" s="46">
        <v>0</v>
      </c>
      <c r="N239" s="46">
        <v>31</v>
      </c>
      <c r="O239" s="46">
        <v>0</v>
      </c>
      <c r="P239" s="46">
        <v>0</v>
      </c>
      <c r="Q239" s="47">
        <v>6.9</v>
      </c>
    </row>
    <row r="240" spans="1:25" x14ac:dyDescent="0.2">
      <c r="B240" s="76"/>
      <c r="C240" s="39" t="s">
        <v>68</v>
      </c>
      <c r="D240" s="45">
        <v>404</v>
      </c>
      <c r="E240" s="46">
        <v>15.6</v>
      </c>
      <c r="F240" s="46">
        <v>16.100000000000001</v>
      </c>
      <c r="G240" s="46">
        <v>31.4</v>
      </c>
      <c r="H240" s="46">
        <v>6.4</v>
      </c>
      <c r="I240" s="46">
        <v>3.5</v>
      </c>
      <c r="J240" s="46">
        <v>5.9</v>
      </c>
      <c r="K240" s="46">
        <v>7.4</v>
      </c>
      <c r="L240" s="46">
        <v>23</v>
      </c>
      <c r="M240" s="46">
        <v>4.7</v>
      </c>
      <c r="N240" s="46">
        <v>13.9</v>
      </c>
      <c r="O240" s="46">
        <v>0.5</v>
      </c>
      <c r="P240" s="46">
        <v>0</v>
      </c>
      <c r="Q240" s="47">
        <v>3.7</v>
      </c>
    </row>
    <row r="241" spans="1:25" x14ac:dyDescent="0.2">
      <c r="B241" s="76"/>
      <c r="C241" s="39" t="s">
        <v>69</v>
      </c>
      <c r="D241" s="45">
        <v>31</v>
      </c>
      <c r="E241" s="46">
        <v>12.9</v>
      </c>
      <c r="F241" s="46">
        <v>3.2</v>
      </c>
      <c r="G241" s="46">
        <v>25.8</v>
      </c>
      <c r="H241" s="46">
        <v>3.2</v>
      </c>
      <c r="I241" s="46">
        <v>0</v>
      </c>
      <c r="J241" s="46">
        <v>12.9</v>
      </c>
      <c r="K241" s="46">
        <v>6.5</v>
      </c>
      <c r="L241" s="46">
        <v>19.399999999999999</v>
      </c>
      <c r="M241" s="46">
        <v>19.399999999999999</v>
      </c>
      <c r="N241" s="46">
        <v>22.6</v>
      </c>
      <c r="O241" s="46">
        <v>0</v>
      </c>
      <c r="P241" s="46">
        <v>0</v>
      </c>
      <c r="Q241" s="47">
        <v>6.5</v>
      </c>
    </row>
    <row r="242" spans="1:25" x14ac:dyDescent="0.2">
      <c r="B242" s="76"/>
      <c r="C242" s="39" t="s">
        <v>70</v>
      </c>
      <c r="D242" s="45">
        <v>238</v>
      </c>
      <c r="E242" s="46">
        <v>16.399999999999999</v>
      </c>
      <c r="F242" s="46">
        <v>14.7</v>
      </c>
      <c r="G242" s="46">
        <v>26.1</v>
      </c>
      <c r="H242" s="46">
        <v>5.9</v>
      </c>
      <c r="I242" s="46">
        <v>2.1</v>
      </c>
      <c r="J242" s="46">
        <v>3.8</v>
      </c>
      <c r="K242" s="46">
        <v>3.4</v>
      </c>
      <c r="L242" s="46">
        <v>25.6</v>
      </c>
      <c r="M242" s="46">
        <v>5.9</v>
      </c>
      <c r="N242" s="46">
        <v>9.1999999999999993</v>
      </c>
      <c r="O242" s="46">
        <v>0</v>
      </c>
      <c r="P242" s="46">
        <v>0</v>
      </c>
      <c r="Q242" s="47">
        <v>8.8000000000000007</v>
      </c>
    </row>
    <row r="243" spans="1:25" ht="21.6" x14ac:dyDescent="0.2">
      <c r="B243" s="76"/>
      <c r="C243" s="39" t="s">
        <v>63</v>
      </c>
      <c r="D243" s="45">
        <v>61</v>
      </c>
      <c r="E243" s="46">
        <v>11.5</v>
      </c>
      <c r="F243" s="46">
        <v>13.1</v>
      </c>
      <c r="G243" s="46">
        <v>26.2</v>
      </c>
      <c r="H243" s="46">
        <v>8.1999999999999993</v>
      </c>
      <c r="I243" s="46">
        <v>3.3</v>
      </c>
      <c r="J243" s="46">
        <v>3.3</v>
      </c>
      <c r="K243" s="46">
        <v>4.9000000000000004</v>
      </c>
      <c r="L243" s="46">
        <v>29.5</v>
      </c>
      <c r="M243" s="46">
        <v>9.8000000000000007</v>
      </c>
      <c r="N243" s="46">
        <v>8.1999999999999993</v>
      </c>
      <c r="O243" s="46">
        <v>0</v>
      </c>
      <c r="P243" s="46">
        <v>0</v>
      </c>
      <c r="Q243" s="47">
        <v>4.9000000000000004</v>
      </c>
    </row>
    <row r="244" spans="1:25" x14ac:dyDescent="0.2">
      <c r="B244" s="76"/>
      <c r="C244" s="39" t="s">
        <v>64</v>
      </c>
      <c r="D244" s="45">
        <v>56</v>
      </c>
      <c r="E244" s="46">
        <v>21.4</v>
      </c>
      <c r="F244" s="46">
        <v>16.100000000000001</v>
      </c>
      <c r="G244" s="46">
        <v>21.4</v>
      </c>
      <c r="H244" s="46">
        <v>5.4</v>
      </c>
      <c r="I244" s="46">
        <v>0</v>
      </c>
      <c r="J244" s="46">
        <v>5.4</v>
      </c>
      <c r="K244" s="46">
        <v>3.6</v>
      </c>
      <c r="L244" s="46">
        <v>32.1</v>
      </c>
      <c r="M244" s="46">
        <v>1.8</v>
      </c>
      <c r="N244" s="46">
        <v>7.1</v>
      </c>
      <c r="O244" s="46">
        <v>0</v>
      </c>
      <c r="P244" s="46">
        <v>0</v>
      </c>
      <c r="Q244" s="47">
        <v>3.6</v>
      </c>
    </row>
    <row r="245" spans="1:25" x14ac:dyDescent="0.2">
      <c r="B245" s="76"/>
      <c r="C245" s="39" t="s">
        <v>65</v>
      </c>
      <c r="D245" s="45">
        <v>66</v>
      </c>
      <c r="E245" s="46">
        <v>21.2</v>
      </c>
      <c r="F245" s="46">
        <v>15.2</v>
      </c>
      <c r="G245" s="46">
        <v>25.8</v>
      </c>
      <c r="H245" s="46">
        <v>4.5</v>
      </c>
      <c r="I245" s="46">
        <v>1.5</v>
      </c>
      <c r="J245" s="46">
        <v>3</v>
      </c>
      <c r="K245" s="46">
        <v>1.5</v>
      </c>
      <c r="L245" s="46">
        <v>21.2</v>
      </c>
      <c r="M245" s="46">
        <v>4.5</v>
      </c>
      <c r="N245" s="46">
        <v>6.1</v>
      </c>
      <c r="O245" s="46">
        <v>0</v>
      </c>
      <c r="P245" s="46">
        <v>0</v>
      </c>
      <c r="Q245" s="47">
        <v>15.2</v>
      </c>
    </row>
    <row r="246" spans="1:25" x14ac:dyDescent="0.2">
      <c r="B246" s="76"/>
      <c r="C246" s="39" t="s">
        <v>66</v>
      </c>
      <c r="D246" s="45">
        <v>45</v>
      </c>
      <c r="E246" s="46">
        <v>8.9</v>
      </c>
      <c r="F246" s="46">
        <v>11.1</v>
      </c>
      <c r="G246" s="46">
        <v>37.799999999999997</v>
      </c>
      <c r="H246" s="46">
        <v>6.7</v>
      </c>
      <c r="I246" s="46">
        <v>2.2000000000000002</v>
      </c>
      <c r="J246" s="46">
        <v>4.4000000000000004</v>
      </c>
      <c r="K246" s="46">
        <v>4.4000000000000004</v>
      </c>
      <c r="L246" s="46">
        <v>17.8</v>
      </c>
      <c r="M246" s="46">
        <v>8.9</v>
      </c>
      <c r="N246" s="46">
        <v>17.8</v>
      </c>
      <c r="O246" s="46">
        <v>0</v>
      </c>
      <c r="P246" s="46">
        <v>0</v>
      </c>
      <c r="Q246" s="47">
        <v>8.9</v>
      </c>
    </row>
    <row r="247" spans="1:25" x14ac:dyDescent="0.2">
      <c r="B247" s="76"/>
      <c r="C247" s="39" t="s">
        <v>67</v>
      </c>
      <c r="D247" s="45">
        <v>10</v>
      </c>
      <c r="E247" s="46">
        <v>20</v>
      </c>
      <c r="F247" s="46">
        <v>30</v>
      </c>
      <c r="G247" s="46">
        <v>0</v>
      </c>
      <c r="H247" s="46">
        <v>0</v>
      </c>
      <c r="I247" s="46">
        <v>10</v>
      </c>
      <c r="J247" s="46">
        <v>0</v>
      </c>
      <c r="K247" s="46">
        <v>0</v>
      </c>
      <c r="L247" s="46">
        <v>30</v>
      </c>
      <c r="M247" s="46">
        <v>0</v>
      </c>
      <c r="N247" s="46">
        <v>10</v>
      </c>
      <c r="O247" s="46">
        <v>0</v>
      </c>
      <c r="P247" s="46">
        <v>0</v>
      </c>
      <c r="Q247" s="47">
        <v>20</v>
      </c>
    </row>
    <row r="248" spans="1:25" x14ac:dyDescent="0.2">
      <c r="B248" s="76"/>
      <c r="C248" s="39" t="s">
        <v>68</v>
      </c>
      <c r="D248" s="45">
        <v>177</v>
      </c>
      <c r="E248" s="46">
        <v>18.600000000000001</v>
      </c>
      <c r="F248" s="46">
        <v>15.8</v>
      </c>
      <c r="G248" s="46">
        <v>26.6</v>
      </c>
      <c r="H248" s="46">
        <v>4</v>
      </c>
      <c r="I248" s="46">
        <v>1.7</v>
      </c>
      <c r="J248" s="46">
        <v>4</v>
      </c>
      <c r="K248" s="46">
        <v>4</v>
      </c>
      <c r="L248" s="46">
        <v>23.2</v>
      </c>
      <c r="M248" s="46">
        <v>5.6</v>
      </c>
      <c r="N248" s="46">
        <v>6.2</v>
      </c>
      <c r="O248" s="46">
        <v>0</v>
      </c>
      <c r="P248" s="46">
        <v>0</v>
      </c>
      <c r="Q248" s="47">
        <v>9</v>
      </c>
    </row>
    <row r="249" spans="1:25" x14ac:dyDescent="0.2">
      <c r="B249" s="76"/>
      <c r="C249" s="40" t="s">
        <v>69</v>
      </c>
      <c r="D249" s="48">
        <v>61</v>
      </c>
      <c r="E249" s="49">
        <v>9.8000000000000007</v>
      </c>
      <c r="F249" s="49">
        <v>11.5</v>
      </c>
      <c r="G249" s="49">
        <v>24.6</v>
      </c>
      <c r="H249" s="49">
        <v>11.5</v>
      </c>
      <c r="I249" s="49">
        <v>3.3</v>
      </c>
      <c r="J249" s="49">
        <v>3.3</v>
      </c>
      <c r="K249" s="49">
        <v>1.6</v>
      </c>
      <c r="L249" s="49">
        <v>32.799999999999997</v>
      </c>
      <c r="M249" s="49">
        <v>6.6</v>
      </c>
      <c r="N249" s="49">
        <v>18</v>
      </c>
      <c r="O249" s="49">
        <v>0</v>
      </c>
      <c r="P249" s="49">
        <v>0</v>
      </c>
      <c r="Q249" s="50">
        <v>8.1999999999999993</v>
      </c>
    </row>
    <row r="250" spans="1:25" x14ac:dyDescent="0.2">
      <c r="B250" s="7" t="s">
        <v>71</v>
      </c>
      <c r="C250" s="4" t="s">
        <v>79</v>
      </c>
    </row>
    <row r="251" spans="1:25" x14ac:dyDescent="0.2">
      <c r="B251" s="4"/>
      <c r="C251" s="4" t="s">
        <v>73</v>
      </c>
    </row>
    <row r="253" spans="1:25" x14ac:dyDescent="0.2">
      <c r="A253" s="26" t="s">
        <v>25</v>
      </c>
      <c r="B253" t="s">
        <v>35</v>
      </c>
      <c r="C253" t="s">
        <v>35</v>
      </c>
    </row>
    <row r="254" spans="1:25" x14ac:dyDescent="0.2">
      <c r="B254" s="74" t="s">
        <v>80</v>
      </c>
      <c r="C254" s="75"/>
      <c r="D254" s="75"/>
      <c r="E254" s="75"/>
      <c r="F254" s="75"/>
      <c r="G254" s="75"/>
      <c r="H254" s="75"/>
      <c r="I254" s="75"/>
      <c r="J254" s="75"/>
      <c r="K254" s="75"/>
      <c r="L254" s="75"/>
      <c r="M254" s="75"/>
      <c r="N254" s="75"/>
      <c r="O254" s="75"/>
      <c r="P254" s="75"/>
      <c r="Q254" s="75"/>
      <c r="R254" s="75"/>
      <c r="S254" s="75"/>
      <c r="T254" s="75"/>
      <c r="U254" s="75"/>
      <c r="V254" s="75"/>
      <c r="W254" s="75"/>
      <c r="X254" s="75"/>
      <c r="Y254" s="75"/>
    </row>
    <row r="255" spans="1:25" s="32" customFormat="1" ht="101.25" customHeight="1" x14ac:dyDescent="0.15">
      <c r="A255" s="31"/>
      <c r="D255" s="33" t="s">
        <v>242</v>
      </c>
      <c r="E255" s="35" t="s">
        <v>254</v>
      </c>
      <c r="F255" s="36" t="s">
        <v>255</v>
      </c>
      <c r="G255" s="36" t="s">
        <v>256</v>
      </c>
      <c r="H255" s="36" t="s">
        <v>257</v>
      </c>
      <c r="I255" s="36" t="s">
        <v>258</v>
      </c>
      <c r="J255" s="36" t="s">
        <v>259</v>
      </c>
      <c r="K255" s="36" t="s">
        <v>260</v>
      </c>
      <c r="L255" s="36" t="s">
        <v>261</v>
      </c>
      <c r="M255" s="36" t="s">
        <v>262</v>
      </c>
      <c r="N255" s="36" t="s">
        <v>263</v>
      </c>
      <c r="O255" s="36" t="s">
        <v>264</v>
      </c>
      <c r="P255" s="36" t="s">
        <v>265</v>
      </c>
      <c r="Q255" s="37" t="s">
        <v>266</v>
      </c>
      <c r="R255" s="34" t="s">
        <v>251</v>
      </c>
    </row>
    <row r="256" spans="1:25" x14ac:dyDescent="0.2">
      <c r="B256" s="5"/>
      <c r="C256" s="41" t="s">
        <v>38</v>
      </c>
      <c r="D256" s="42">
        <v>673</v>
      </c>
      <c r="E256" s="43">
        <v>7</v>
      </c>
      <c r="F256" s="43">
        <v>2.4</v>
      </c>
      <c r="G256" s="43">
        <v>29.3</v>
      </c>
      <c r="H256" s="43">
        <v>9.1</v>
      </c>
      <c r="I256" s="43">
        <v>3</v>
      </c>
      <c r="J256" s="43">
        <v>6.1</v>
      </c>
      <c r="K256" s="43">
        <v>4.5</v>
      </c>
      <c r="L256" s="43">
        <v>25.6</v>
      </c>
      <c r="M256" s="43">
        <v>15.3</v>
      </c>
      <c r="N256" s="43">
        <v>16.2</v>
      </c>
      <c r="O256" s="43">
        <v>0.4</v>
      </c>
      <c r="P256" s="43">
        <v>0</v>
      </c>
      <c r="Q256" s="44">
        <v>8.1999999999999993</v>
      </c>
    </row>
    <row r="257" spans="2:17" x14ac:dyDescent="0.2">
      <c r="B257" s="76" t="s">
        <v>37</v>
      </c>
      <c r="C257" s="39" t="s">
        <v>39</v>
      </c>
      <c r="D257" s="45">
        <v>39</v>
      </c>
      <c r="E257" s="46">
        <v>7.7</v>
      </c>
      <c r="F257" s="46">
        <v>5.0999999999999996</v>
      </c>
      <c r="G257" s="46">
        <v>30.8</v>
      </c>
      <c r="H257" s="46">
        <v>7.7</v>
      </c>
      <c r="I257" s="46">
        <v>15.4</v>
      </c>
      <c r="J257" s="46">
        <v>5.0999999999999996</v>
      </c>
      <c r="K257" s="46">
        <v>7.7</v>
      </c>
      <c r="L257" s="46">
        <v>25.6</v>
      </c>
      <c r="M257" s="46">
        <v>7.7</v>
      </c>
      <c r="N257" s="46">
        <v>10.3</v>
      </c>
      <c r="O257" s="46">
        <v>0</v>
      </c>
      <c r="P257" s="46">
        <v>0</v>
      </c>
      <c r="Q257" s="47">
        <v>5.0999999999999996</v>
      </c>
    </row>
    <row r="258" spans="2:17" x14ac:dyDescent="0.2">
      <c r="B258" s="76"/>
      <c r="C258" s="39" t="s">
        <v>40</v>
      </c>
      <c r="D258" s="45">
        <v>187</v>
      </c>
      <c r="E258" s="46">
        <v>5.3</v>
      </c>
      <c r="F258" s="46">
        <v>3.7</v>
      </c>
      <c r="G258" s="46">
        <v>34.200000000000003</v>
      </c>
      <c r="H258" s="46">
        <v>10.199999999999999</v>
      </c>
      <c r="I258" s="46">
        <v>1.1000000000000001</v>
      </c>
      <c r="J258" s="46">
        <v>6.4</v>
      </c>
      <c r="K258" s="46">
        <v>2.7</v>
      </c>
      <c r="L258" s="46">
        <v>23.5</v>
      </c>
      <c r="M258" s="46">
        <v>21.4</v>
      </c>
      <c r="N258" s="46">
        <v>18.7</v>
      </c>
      <c r="O258" s="46">
        <v>0.5</v>
      </c>
      <c r="P258" s="46">
        <v>0</v>
      </c>
      <c r="Q258" s="47">
        <v>4.8</v>
      </c>
    </row>
    <row r="259" spans="2:17" ht="21.6" x14ac:dyDescent="0.2">
      <c r="B259" s="76"/>
      <c r="C259" s="39" t="s">
        <v>41</v>
      </c>
      <c r="D259" s="45">
        <v>12</v>
      </c>
      <c r="E259" s="46">
        <v>0</v>
      </c>
      <c r="F259" s="46">
        <v>16.7</v>
      </c>
      <c r="G259" s="46">
        <v>25</v>
      </c>
      <c r="H259" s="46">
        <v>16.7</v>
      </c>
      <c r="I259" s="46">
        <v>8.3000000000000007</v>
      </c>
      <c r="J259" s="46">
        <v>8.3000000000000007</v>
      </c>
      <c r="K259" s="46">
        <v>8.3000000000000007</v>
      </c>
      <c r="L259" s="46">
        <v>33.299999999999997</v>
      </c>
      <c r="M259" s="46">
        <v>16.7</v>
      </c>
      <c r="N259" s="46">
        <v>0</v>
      </c>
      <c r="O259" s="46">
        <v>0</v>
      </c>
      <c r="P259" s="46">
        <v>0</v>
      </c>
      <c r="Q259" s="47">
        <v>16.7</v>
      </c>
    </row>
    <row r="260" spans="2:17" ht="21.6" x14ac:dyDescent="0.2">
      <c r="B260" s="76"/>
      <c r="C260" s="39" t="s">
        <v>42</v>
      </c>
      <c r="D260" s="45">
        <v>165</v>
      </c>
      <c r="E260" s="46">
        <v>7.3</v>
      </c>
      <c r="F260" s="46">
        <v>1.2</v>
      </c>
      <c r="G260" s="46">
        <v>32.700000000000003</v>
      </c>
      <c r="H260" s="46">
        <v>10.9</v>
      </c>
      <c r="I260" s="46">
        <v>1.2</v>
      </c>
      <c r="J260" s="46">
        <v>6.1</v>
      </c>
      <c r="K260" s="46">
        <v>4.2</v>
      </c>
      <c r="L260" s="46">
        <v>26.1</v>
      </c>
      <c r="M260" s="46">
        <v>15.2</v>
      </c>
      <c r="N260" s="46">
        <v>18.2</v>
      </c>
      <c r="O260" s="46">
        <v>1.2</v>
      </c>
      <c r="P260" s="46">
        <v>0</v>
      </c>
      <c r="Q260" s="47">
        <v>8.5</v>
      </c>
    </row>
    <row r="261" spans="2:17" ht="21.6" x14ac:dyDescent="0.2">
      <c r="B261" s="76"/>
      <c r="C261" s="39" t="s">
        <v>43</v>
      </c>
      <c r="D261" s="45">
        <v>55</v>
      </c>
      <c r="E261" s="46">
        <v>10.9</v>
      </c>
      <c r="F261" s="46">
        <v>1.8</v>
      </c>
      <c r="G261" s="46">
        <v>14.5</v>
      </c>
      <c r="H261" s="46">
        <v>3.6</v>
      </c>
      <c r="I261" s="46">
        <v>9.1</v>
      </c>
      <c r="J261" s="46">
        <v>3.6</v>
      </c>
      <c r="K261" s="46">
        <v>3.6</v>
      </c>
      <c r="L261" s="46">
        <v>43.6</v>
      </c>
      <c r="M261" s="46">
        <v>7.3</v>
      </c>
      <c r="N261" s="46">
        <v>9.1</v>
      </c>
      <c r="O261" s="46">
        <v>0</v>
      </c>
      <c r="P261" s="46">
        <v>0</v>
      </c>
      <c r="Q261" s="47">
        <v>10.9</v>
      </c>
    </row>
    <row r="262" spans="2:17" ht="21.6" x14ac:dyDescent="0.2">
      <c r="B262" s="76"/>
      <c r="C262" s="39" t="s">
        <v>44</v>
      </c>
      <c r="D262" s="45">
        <v>75</v>
      </c>
      <c r="E262" s="46">
        <v>8</v>
      </c>
      <c r="F262" s="46">
        <v>1.3</v>
      </c>
      <c r="G262" s="46">
        <v>45.3</v>
      </c>
      <c r="H262" s="46">
        <v>2.7</v>
      </c>
      <c r="I262" s="46">
        <v>2.7</v>
      </c>
      <c r="J262" s="46">
        <v>1.3</v>
      </c>
      <c r="K262" s="46">
        <v>4</v>
      </c>
      <c r="L262" s="46">
        <v>10.7</v>
      </c>
      <c r="M262" s="46">
        <v>16</v>
      </c>
      <c r="N262" s="46">
        <v>10.7</v>
      </c>
      <c r="O262" s="46">
        <v>0</v>
      </c>
      <c r="P262" s="46">
        <v>0</v>
      </c>
      <c r="Q262" s="47">
        <v>9.3000000000000007</v>
      </c>
    </row>
    <row r="263" spans="2:17" ht="21.6" x14ac:dyDescent="0.2">
      <c r="B263" s="76"/>
      <c r="C263" s="39" t="s">
        <v>45</v>
      </c>
      <c r="D263" s="45">
        <v>140</v>
      </c>
      <c r="E263" s="46">
        <v>7.1</v>
      </c>
      <c r="F263" s="46">
        <v>0.7</v>
      </c>
      <c r="G263" s="46">
        <v>15.7</v>
      </c>
      <c r="H263" s="46">
        <v>10.7</v>
      </c>
      <c r="I263" s="46">
        <v>1.4</v>
      </c>
      <c r="J263" s="46">
        <v>9.3000000000000007</v>
      </c>
      <c r="K263" s="46">
        <v>6.4</v>
      </c>
      <c r="L263" s="46">
        <v>27.9</v>
      </c>
      <c r="M263" s="46">
        <v>12.1</v>
      </c>
      <c r="N263" s="46">
        <v>19.3</v>
      </c>
      <c r="O263" s="46">
        <v>0</v>
      </c>
      <c r="P263" s="46">
        <v>0</v>
      </c>
      <c r="Q263" s="47">
        <v>10.7</v>
      </c>
    </row>
    <row r="264" spans="2:17" ht="21.6" x14ac:dyDescent="0.2">
      <c r="B264" s="76"/>
      <c r="C264" s="39" t="s">
        <v>46</v>
      </c>
      <c r="D264" s="45">
        <v>95</v>
      </c>
      <c r="E264" s="46">
        <v>6.3</v>
      </c>
      <c r="F264" s="46">
        <v>0</v>
      </c>
      <c r="G264" s="46">
        <v>22.1</v>
      </c>
      <c r="H264" s="46">
        <v>11.6</v>
      </c>
      <c r="I264" s="46">
        <v>5.3</v>
      </c>
      <c r="J264" s="46">
        <v>5.3</v>
      </c>
      <c r="K264" s="46">
        <v>2.1</v>
      </c>
      <c r="L264" s="46">
        <v>29.5</v>
      </c>
      <c r="M264" s="46">
        <v>13.7</v>
      </c>
      <c r="N264" s="46">
        <v>12.6</v>
      </c>
      <c r="O264" s="46">
        <v>0</v>
      </c>
      <c r="P264" s="46">
        <v>0</v>
      </c>
      <c r="Q264" s="47">
        <v>15.8</v>
      </c>
    </row>
    <row r="265" spans="2:17" ht="21.6" x14ac:dyDescent="0.2">
      <c r="B265" s="76"/>
      <c r="C265" s="39" t="s">
        <v>47</v>
      </c>
      <c r="D265" s="45">
        <v>130</v>
      </c>
      <c r="E265" s="46">
        <v>10</v>
      </c>
      <c r="F265" s="46">
        <v>4.5999999999999996</v>
      </c>
      <c r="G265" s="46">
        <v>27.7</v>
      </c>
      <c r="H265" s="46">
        <v>12.3</v>
      </c>
      <c r="I265" s="46">
        <v>4.5999999999999996</v>
      </c>
      <c r="J265" s="46">
        <v>6.2</v>
      </c>
      <c r="K265" s="46">
        <v>4.5999999999999996</v>
      </c>
      <c r="L265" s="46">
        <v>20.8</v>
      </c>
      <c r="M265" s="46">
        <v>14.6</v>
      </c>
      <c r="N265" s="46">
        <v>15.4</v>
      </c>
      <c r="O265" s="46">
        <v>0</v>
      </c>
      <c r="P265" s="46">
        <v>0</v>
      </c>
      <c r="Q265" s="47">
        <v>7.7</v>
      </c>
    </row>
    <row r="266" spans="2:17" ht="21.6" x14ac:dyDescent="0.2">
      <c r="B266" s="76"/>
      <c r="C266" s="39" t="s">
        <v>48</v>
      </c>
      <c r="D266" s="45">
        <v>130</v>
      </c>
      <c r="E266" s="46">
        <v>4.5999999999999996</v>
      </c>
      <c r="F266" s="46">
        <v>0.8</v>
      </c>
      <c r="G266" s="46">
        <v>27.7</v>
      </c>
      <c r="H266" s="46">
        <v>4.5999999999999996</v>
      </c>
      <c r="I266" s="46">
        <v>3.1</v>
      </c>
      <c r="J266" s="46">
        <v>7.7</v>
      </c>
      <c r="K266" s="46">
        <v>6.9</v>
      </c>
      <c r="L266" s="46">
        <v>23.8</v>
      </c>
      <c r="M266" s="46">
        <v>22.3</v>
      </c>
      <c r="N266" s="46">
        <v>18.5</v>
      </c>
      <c r="O266" s="46">
        <v>0.8</v>
      </c>
      <c r="P266" s="46">
        <v>0</v>
      </c>
      <c r="Q266" s="47">
        <v>3.8</v>
      </c>
    </row>
    <row r="267" spans="2:17" ht="21.6" x14ac:dyDescent="0.2">
      <c r="B267" s="76"/>
      <c r="C267" s="39" t="s">
        <v>49</v>
      </c>
      <c r="D267" s="45">
        <v>104</v>
      </c>
      <c r="E267" s="46">
        <v>8.6999999999999993</v>
      </c>
      <c r="F267" s="46">
        <v>3.8</v>
      </c>
      <c r="G267" s="46">
        <v>29.8</v>
      </c>
      <c r="H267" s="46">
        <v>5.8</v>
      </c>
      <c r="I267" s="46">
        <v>1.9</v>
      </c>
      <c r="J267" s="46">
        <v>6.7</v>
      </c>
      <c r="K267" s="46">
        <v>6.7</v>
      </c>
      <c r="L267" s="46">
        <v>26</v>
      </c>
      <c r="M267" s="46">
        <v>14.4</v>
      </c>
      <c r="N267" s="46">
        <v>25</v>
      </c>
      <c r="O267" s="46">
        <v>1</v>
      </c>
      <c r="P267" s="46">
        <v>0</v>
      </c>
      <c r="Q267" s="47">
        <v>2.9</v>
      </c>
    </row>
    <row r="268" spans="2:17" ht="21.6" x14ac:dyDescent="0.2">
      <c r="B268" s="76"/>
      <c r="C268" s="39" t="s">
        <v>50</v>
      </c>
      <c r="D268" s="45">
        <v>76</v>
      </c>
      <c r="E268" s="46">
        <v>5.3</v>
      </c>
      <c r="F268" s="46">
        <v>2.6</v>
      </c>
      <c r="G268" s="46">
        <v>43.4</v>
      </c>
      <c r="H268" s="46">
        <v>5.3</v>
      </c>
      <c r="I268" s="46">
        <v>1.3</v>
      </c>
      <c r="J268" s="46">
        <v>5.3</v>
      </c>
      <c r="K268" s="46">
        <v>2.6</v>
      </c>
      <c r="L268" s="46">
        <v>30.3</v>
      </c>
      <c r="M268" s="46">
        <v>15.8</v>
      </c>
      <c r="N268" s="46">
        <v>13.2</v>
      </c>
      <c r="O268" s="46">
        <v>1.3</v>
      </c>
      <c r="P268" s="46">
        <v>0</v>
      </c>
      <c r="Q268" s="47">
        <v>5.3</v>
      </c>
    </row>
    <row r="269" spans="2:17" ht="21.6" x14ac:dyDescent="0.2">
      <c r="B269" s="76"/>
      <c r="C269" s="39" t="s">
        <v>51</v>
      </c>
      <c r="D269" s="45">
        <v>71</v>
      </c>
      <c r="E269" s="46">
        <v>5.6</v>
      </c>
      <c r="F269" s="46">
        <v>2.8</v>
      </c>
      <c r="G269" s="46">
        <v>26.8</v>
      </c>
      <c r="H269" s="46">
        <v>14.1</v>
      </c>
      <c r="I269" s="46">
        <v>0</v>
      </c>
      <c r="J269" s="46">
        <v>5.6</v>
      </c>
      <c r="K269" s="46">
        <v>4.2</v>
      </c>
      <c r="L269" s="46">
        <v>21.1</v>
      </c>
      <c r="M269" s="46">
        <v>11.3</v>
      </c>
      <c r="N269" s="46">
        <v>16.899999999999999</v>
      </c>
      <c r="O269" s="46">
        <v>0</v>
      </c>
      <c r="P269" s="46">
        <v>0</v>
      </c>
      <c r="Q269" s="47">
        <v>14.1</v>
      </c>
    </row>
    <row r="270" spans="2:17" ht="21.6" x14ac:dyDescent="0.2">
      <c r="B270" s="76"/>
      <c r="C270" s="39" t="s">
        <v>52</v>
      </c>
      <c r="D270" s="45">
        <v>60</v>
      </c>
      <c r="E270" s="46">
        <v>5</v>
      </c>
      <c r="F270" s="46">
        <v>0</v>
      </c>
      <c r="G270" s="46">
        <v>10</v>
      </c>
      <c r="H270" s="46">
        <v>5</v>
      </c>
      <c r="I270" s="46">
        <v>5</v>
      </c>
      <c r="J270" s="46">
        <v>13.3</v>
      </c>
      <c r="K270" s="46">
        <v>3.3</v>
      </c>
      <c r="L270" s="46">
        <v>13.3</v>
      </c>
      <c r="M270" s="46">
        <v>16.7</v>
      </c>
      <c r="N270" s="46">
        <v>16.7</v>
      </c>
      <c r="O270" s="46">
        <v>0</v>
      </c>
      <c r="P270" s="46">
        <v>0</v>
      </c>
      <c r="Q270" s="47">
        <v>23.3</v>
      </c>
    </row>
    <row r="271" spans="2:17" x14ac:dyDescent="0.2">
      <c r="B271" s="76"/>
      <c r="C271" s="39" t="s">
        <v>53</v>
      </c>
      <c r="D271" s="45">
        <v>56</v>
      </c>
      <c r="E271" s="46">
        <v>16.100000000000001</v>
      </c>
      <c r="F271" s="46">
        <v>1.8</v>
      </c>
      <c r="G271" s="46">
        <v>12.5</v>
      </c>
      <c r="H271" s="46">
        <v>7.1</v>
      </c>
      <c r="I271" s="46">
        <v>3.6</v>
      </c>
      <c r="J271" s="46">
        <v>8.9</v>
      </c>
      <c r="K271" s="46">
        <v>10.7</v>
      </c>
      <c r="L271" s="46">
        <v>19.600000000000001</v>
      </c>
      <c r="M271" s="46">
        <v>7.1</v>
      </c>
      <c r="N271" s="46">
        <v>16.100000000000001</v>
      </c>
      <c r="O271" s="46">
        <v>1.8</v>
      </c>
      <c r="P271" s="46">
        <v>0</v>
      </c>
      <c r="Q271" s="47">
        <v>14.3</v>
      </c>
    </row>
    <row r="272" spans="2:17" ht="21.6" x14ac:dyDescent="0.2">
      <c r="B272" s="76"/>
      <c r="C272" s="39" t="s">
        <v>54</v>
      </c>
      <c r="D272" s="45">
        <v>201</v>
      </c>
      <c r="E272" s="46">
        <v>7</v>
      </c>
      <c r="F272" s="46">
        <v>4</v>
      </c>
      <c r="G272" s="46">
        <v>20.399999999999999</v>
      </c>
      <c r="H272" s="46">
        <v>12.4</v>
      </c>
      <c r="I272" s="46">
        <v>3.5</v>
      </c>
      <c r="J272" s="46">
        <v>6</v>
      </c>
      <c r="K272" s="46">
        <v>6</v>
      </c>
      <c r="L272" s="46">
        <v>33.299999999999997</v>
      </c>
      <c r="M272" s="46">
        <v>13.9</v>
      </c>
      <c r="N272" s="46">
        <v>14.4</v>
      </c>
      <c r="O272" s="46">
        <v>0.5</v>
      </c>
      <c r="P272" s="46">
        <v>0</v>
      </c>
      <c r="Q272" s="47">
        <v>6.5</v>
      </c>
    </row>
    <row r="273" spans="1:25" ht="21.6" x14ac:dyDescent="0.2">
      <c r="B273" s="76"/>
      <c r="C273" s="39" t="s">
        <v>55</v>
      </c>
      <c r="D273" s="45">
        <v>315</v>
      </c>
      <c r="E273" s="46">
        <v>5.0999999999999996</v>
      </c>
      <c r="F273" s="46">
        <v>2.2000000000000002</v>
      </c>
      <c r="G273" s="46">
        <v>41.9</v>
      </c>
      <c r="H273" s="46">
        <v>8.3000000000000007</v>
      </c>
      <c r="I273" s="46">
        <v>2.2000000000000002</v>
      </c>
      <c r="J273" s="46">
        <v>4.8</v>
      </c>
      <c r="K273" s="46">
        <v>2.9</v>
      </c>
      <c r="L273" s="46">
        <v>23.8</v>
      </c>
      <c r="M273" s="46">
        <v>17.8</v>
      </c>
      <c r="N273" s="46">
        <v>17.100000000000001</v>
      </c>
      <c r="O273" s="46">
        <v>0.3</v>
      </c>
      <c r="P273" s="46">
        <v>0</v>
      </c>
      <c r="Q273" s="47">
        <v>5.4</v>
      </c>
    </row>
    <row r="274" spans="1:25" ht="21.6" x14ac:dyDescent="0.2">
      <c r="B274" s="76"/>
      <c r="C274" s="39" t="s">
        <v>56</v>
      </c>
      <c r="D274" s="45">
        <v>355</v>
      </c>
      <c r="E274" s="46">
        <v>5.4</v>
      </c>
      <c r="F274" s="46">
        <v>3.4</v>
      </c>
      <c r="G274" s="46">
        <v>39.700000000000003</v>
      </c>
      <c r="H274" s="46">
        <v>10.1</v>
      </c>
      <c r="I274" s="46">
        <v>3.4</v>
      </c>
      <c r="J274" s="46">
        <v>6.8</v>
      </c>
      <c r="K274" s="46">
        <v>3.4</v>
      </c>
      <c r="L274" s="46">
        <v>25.1</v>
      </c>
      <c r="M274" s="46">
        <v>16.899999999999999</v>
      </c>
      <c r="N274" s="46">
        <v>14.1</v>
      </c>
      <c r="O274" s="46">
        <v>0.3</v>
      </c>
      <c r="P274" s="46">
        <v>0</v>
      </c>
      <c r="Q274" s="47">
        <v>4.2</v>
      </c>
    </row>
    <row r="275" spans="1:25" x14ac:dyDescent="0.2">
      <c r="B275" s="76"/>
      <c r="C275" s="40" t="s">
        <v>57</v>
      </c>
      <c r="D275" s="48">
        <v>249</v>
      </c>
      <c r="E275" s="49">
        <v>8.4</v>
      </c>
      <c r="F275" s="49">
        <v>1.6</v>
      </c>
      <c r="G275" s="49">
        <v>18.5</v>
      </c>
      <c r="H275" s="49">
        <v>7.6</v>
      </c>
      <c r="I275" s="49">
        <v>3.2</v>
      </c>
      <c r="J275" s="49">
        <v>5.6</v>
      </c>
      <c r="K275" s="49">
        <v>5.6</v>
      </c>
      <c r="L275" s="49">
        <v>24.9</v>
      </c>
      <c r="M275" s="49">
        <v>14.1</v>
      </c>
      <c r="N275" s="49">
        <v>17.3</v>
      </c>
      <c r="O275" s="49">
        <v>0.8</v>
      </c>
      <c r="P275" s="49">
        <v>0</v>
      </c>
      <c r="Q275" s="50">
        <v>12.9</v>
      </c>
    </row>
    <row r="276" spans="1:25" x14ac:dyDescent="0.2">
      <c r="B276" s="7" t="s">
        <v>71</v>
      </c>
      <c r="C276" s="4" t="s">
        <v>81</v>
      </c>
    </row>
    <row r="277" spans="1:25" x14ac:dyDescent="0.2">
      <c r="B277" s="4"/>
      <c r="C277" s="4" t="s">
        <v>73</v>
      </c>
    </row>
    <row r="279" spans="1:25" x14ac:dyDescent="0.2">
      <c r="C279" t="s">
        <v>35</v>
      </c>
    </row>
    <row r="280" spans="1:25" x14ac:dyDescent="0.2">
      <c r="B280" s="74" t="s">
        <v>182</v>
      </c>
      <c r="C280" s="75"/>
      <c r="D280" s="75"/>
      <c r="E280" s="75"/>
      <c r="F280" s="75"/>
      <c r="G280" s="75"/>
      <c r="H280" s="75"/>
      <c r="I280" s="75"/>
      <c r="J280" s="75"/>
      <c r="K280" s="75"/>
      <c r="L280" s="75"/>
      <c r="M280" s="75"/>
      <c r="N280" s="75"/>
      <c r="O280" s="75"/>
      <c r="P280" s="75"/>
      <c r="Q280" s="75"/>
      <c r="R280" s="75"/>
      <c r="S280" s="75"/>
      <c r="T280" s="75"/>
      <c r="U280" s="75"/>
      <c r="V280" s="75"/>
      <c r="W280" s="75"/>
      <c r="X280" s="75"/>
      <c r="Y280" s="75"/>
    </row>
    <row r="281" spans="1:25" s="32" customFormat="1" ht="101.25" customHeight="1" x14ac:dyDescent="0.15">
      <c r="A281" s="31"/>
      <c r="D281" s="33" t="s">
        <v>242</v>
      </c>
      <c r="E281" s="35" t="s">
        <v>254</v>
      </c>
      <c r="F281" s="36" t="s">
        <v>255</v>
      </c>
      <c r="G281" s="36" t="s">
        <v>256</v>
      </c>
      <c r="H281" s="36" t="s">
        <v>257</v>
      </c>
      <c r="I281" s="36" t="s">
        <v>258</v>
      </c>
      <c r="J281" s="36" t="s">
        <v>259</v>
      </c>
      <c r="K281" s="36" t="s">
        <v>260</v>
      </c>
      <c r="L281" s="36" t="s">
        <v>261</v>
      </c>
      <c r="M281" s="36" t="s">
        <v>262</v>
      </c>
      <c r="N281" s="36" t="s">
        <v>263</v>
      </c>
      <c r="O281" s="36" t="s">
        <v>264</v>
      </c>
      <c r="P281" s="36" t="s">
        <v>265</v>
      </c>
      <c r="Q281" s="37" t="s">
        <v>266</v>
      </c>
      <c r="R281" s="34" t="s">
        <v>251</v>
      </c>
    </row>
    <row r="282" spans="1:25" ht="21.6" x14ac:dyDescent="0.2">
      <c r="B282" s="76" t="s">
        <v>37</v>
      </c>
      <c r="C282" s="38" t="s">
        <v>58</v>
      </c>
      <c r="D282" s="51">
        <v>267</v>
      </c>
      <c r="E282" s="52">
        <v>6.7</v>
      </c>
      <c r="F282" s="52">
        <v>4.0999999999999996</v>
      </c>
      <c r="G282" s="52">
        <v>39.700000000000003</v>
      </c>
      <c r="H282" s="52">
        <v>9</v>
      </c>
      <c r="I282" s="52">
        <v>4.9000000000000004</v>
      </c>
      <c r="J282" s="52">
        <v>8.6</v>
      </c>
      <c r="K282" s="52">
        <v>3.7</v>
      </c>
      <c r="L282" s="52">
        <v>25.5</v>
      </c>
      <c r="M282" s="52">
        <v>17.2</v>
      </c>
      <c r="N282" s="52">
        <v>8.1999999999999993</v>
      </c>
      <c r="O282" s="52">
        <v>0.4</v>
      </c>
      <c r="P282" s="52">
        <v>0</v>
      </c>
      <c r="Q282" s="53">
        <v>2.6</v>
      </c>
    </row>
    <row r="283" spans="1:25" ht="21.6" x14ac:dyDescent="0.2">
      <c r="B283" s="76"/>
      <c r="C283" s="39" t="s">
        <v>59</v>
      </c>
      <c r="D283" s="45">
        <v>406</v>
      </c>
      <c r="E283" s="46">
        <v>7.1</v>
      </c>
      <c r="F283" s="46">
        <v>1.2</v>
      </c>
      <c r="G283" s="46">
        <v>22.4</v>
      </c>
      <c r="H283" s="46">
        <v>9.1</v>
      </c>
      <c r="I283" s="46">
        <v>1.7</v>
      </c>
      <c r="J283" s="46">
        <v>4.4000000000000004</v>
      </c>
      <c r="K283" s="46">
        <v>4.9000000000000004</v>
      </c>
      <c r="L283" s="46">
        <v>25.6</v>
      </c>
      <c r="M283" s="46">
        <v>14</v>
      </c>
      <c r="N283" s="46">
        <v>21.4</v>
      </c>
      <c r="O283" s="46">
        <v>0.5</v>
      </c>
      <c r="P283" s="46">
        <v>0</v>
      </c>
      <c r="Q283" s="47">
        <v>11.8</v>
      </c>
    </row>
    <row r="284" spans="1:25" x14ac:dyDescent="0.2">
      <c r="B284" s="76"/>
      <c r="C284" s="39" t="s">
        <v>60</v>
      </c>
      <c r="D284" s="45">
        <v>497</v>
      </c>
      <c r="E284" s="46">
        <v>6</v>
      </c>
      <c r="F284" s="46">
        <v>2.6</v>
      </c>
      <c r="G284" s="46">
        <v>30.4</v>
      </c>
      <c r="H284" s="46">
        <v>9.9</v>
      </c>
      <c r="I284" s="46">
        <v>2.4</v>
      </c>
      <c r="J284" s="46">
        <v>5.6</v>
      </c>
      <c r="K284" s="46">
        <v>4</v>
      </c>
      <c r="L284" s="46">
        <v>28.2</v>
      </c>
      <c r="M284" s="46">
        <v>14.7</v>
      </c>
      <c r="N284" s="46">
        <v>16.100000000000001</v>
      </c>
      <c r="O284" s="46">
        <v>0.4</v>
      </c>
      <c r="P284" s="46">
        <v>0</v>
      </c>
      <c r="Q284" s="47">
        <v>8.9</v>
      </c>
    </row>
    <row r="285" spans="1:25" x14ac:dyDescent="0.2">
      <c r="B285" s="76"/>
      <c r="C285" s="39" t="s">
        <v>61</v>
      </c>
      <c r="D285" s="45">
        <v>176</v>
      </c>
      <c r="E285" s="46">
        <v>9.6999999999999993</v>
      </c>
      <c r="F285" s="46">
        <v>1.7</v>
      </c>
      <c r="G285" s="46">
        <v>26.1</v>
      </c>
      <c r="H285" s="46">
        <v>6.8</v>
      </c>
      <c r="I285" s="46">
        <v>4.5</v>
      </c>
      <c r="J285" s="46">
        <v>7.4</v>
      </c>
      <c r="K285" s="46">
        <v>5.7</v>
      </c>
      <c r="L285" s="46">
        <v>18.2</v>
      </c>
      <c r="M285" s="46">
        <v>17</v>
      </c>
      <c r="N285" s="46">
        <v>16.5</v>
      </c>
      <c r="O285" s="46">
        <v>0.6</v>
      </c>
      <c r="P285" s="46">
        <v>0</v>
      </c>
      <c r="Q285" s="47">
        <v>6.3</v>
      </c>
    </row>
    <row r="286" spans="1:25" x14ac:dyDescent="0.2">
      <c r="B286" s="76"/>
      <c r="C286" s="39" t="s">
        <v>62</v>
      </c>
      <c r="D286" s="45">
        <v>435</v>
      </c>
      <c r="E286" s="46">
        <v>6.2</v>
      </c>
      <c r="F286" s="46">
        <v>3</v>
      </c>
      <c r="G286" s="46">
        <v>32</v>
      </c>
      <c r="H286" s="46">
        <v>8.5</v>
      </c>
      <c r="I286" s="46">
        <v>3.9</v>
      </c>
      <c r="J286" s="46">
        <v>6.7</v>
      </c>
      <c r="K286" s="46">
        <v>5.0999999999999996</v>
      </c>
      <c r="L286" s="46">
        <v>23.9</v>
      </c>
      <c r="M286" s="46">
        <v>16.3</v>
      </c>
      <c r="N286" s="46">
        <v>16.600000000000001</v>
      </c>
      <c r="O286" s="46">
        <v>0.5</v>
      </c>
      <c r="P286" s="46">
        <v>0</v>
      </c>
      <c r="Q286" s="47">
        <v>6.2</v>
      </c>
    </row>
    <row r="287" spans="1:25" ht="21.6" x14ac:dyDescent="0.2">
      <c r="B287" s="76"/>
      <c r="C287" s="39" t="s">
        <v>63</v>
      </c>
      <c r="D287" s="45">
        <v>70</v>
      </c>
      <c r="E287" s="46">
        <v>7.1</v>
      </c>
      <c r="F287" s="46">
        <v>4.3</v>
      </c>
      <c r="G287" s="46">
        <v>25.7</v>
      </c>
      <c r="H287" s="46">
        <v>14.3</v>
      </c>
      <c r="I287" s="46">
        <v>11.4</v>
      </c>
      <c r="J287" s="46">
        <v>10</v>
      </c>
      <c r="K287" s="46">
        <v>4.3</v>
      </c>
      <c r="L287" s="46">
        <v>21.4</v>
      </c>
      <c r="M287" s="46">
        <v>14.3</v>
      </c>
      <c r="N287" s="46">
        <v>7.1</v>
      </c>
      <c r="O287" s="46">
        <v>1.4</v>
      </c>
      <c r="P287" s="46">
        <v>0</v>
      </c>
      <c r="Q287" s="47">
        <v>10</v>
      </c>
    </row>
    <row r="288" spans="1:25" x14ac:dyDescent="0.2">
      <c r="B288" s="76"/>
      <c r="C288" s="39" t="s">
        <v>64</v>
      </c>
      <c r="D288" s="45">
        <v>111</v>
      </c>
      <c r="E288" s="46">
        <v>11.7</v>
      </c>
      <c r="F288" s="46">
        <v>5.4</v>
      </c>
      <c r="G288" s="46">
        <v>33.299999999999997</v>
      </c>
      <c r="H288" s="46">
        <v>6.3</v>
      </c>
      <c r="I288" s="46">
        <v>4.5</v>
      </c>
      <c r="J288" s="46">
        <v>8.1</v>
      </c>
      <c r="K288" s="46">
        <v>7.2</v>
      </c>
      <c r="L288" s="46">
        <v>23.4</v>
      </c>
      <c r="M288" s="46">
        <v>20.7</v>
      </c>
      <c r="N288" s="46">
        <v>18.899999999999999</v>
      </c>
      <c r="O288" s="46">
        <v>0</v>
      </c>
      <c r="P288" s="46">
        <v>0</v>
      </c>
      <c r="Q288" s="47">
        <v>2.7</v>
      </c>
    </row>
    <row r="289" spans="2:17" x14ac:dyDescent="0.2">
      <c r="B289" s="76"/>
      <c r="C289" s="39" t="s">
        <v>65</v>
      </c>
      <c r="D289" s="45">
        <v>120</v>
      </c>
      <c r="E289" s="46">
        <v>5</v>
      </c>
      <c r="F289" s="46">
        <v>0.8</v>
      </c>
      <c r="G289" s="46">
        <v>30.8</v>
      </c>
      <c r="H289" s="46">
        <v>9.1999999999999993</v>
      </c>
      <c r="I289" s="46">
        <v>2.5</v>
      </c>
      <c r="J289" s="46">
        <v>7.5</v>
      </c>
      <c r="K289" s="46">
        <v>5.8</v>
      </c>
      <c r="L289" s="46">
        <v>23.3</v>
      </c>
      <c r="M289" s="46">
        <v>13.3</v>
      </c>
      <c r="N289" s="46">
        <v>15.8</v>
      </c>
      <c r="O289" s="46">
        <v>0.8</v>
      </c>
      <c r="P289" s="46">
        <v>0</v>
      </c>
      <c r="Q289" s="47">
        <v>6.7</v>
      </c>
    </row>
    <row r="290" spans="2:17" x14ac:dyDescent="0.2">
      <c r="B290" s="76"/>
      <c r="C290" s="39" t="s">
        <v>66</v>
      </c>
      <c r="D290" s="45">
        <v>105</v>
      </c>
      <c r="E290" s="46">
        <v>1.9</v>
      </c>
      <c r="F290" s="46">
        <v>2.9</v>
      </c>
      <c r="G290" s="46">
        <v>37.1</v>
      </c>
      <c r="H290" s="46">
        <v>6.7</v>
      </c>
      <c r="I290" s="46">
        <v>1</v>
      </c>
      <c r="J290" s="46">
        <v>3.8</v>
      </c>
      <c r="K290" s="46">
        <v>2.9</v>
      </c>
      <c r="L290" s="46">
        <v>26.7</v>
      </c>
      <c r="M290" s="46">
        <v>19</v>
      </c>
      <c r="N290" s="46">
        <v>18.100000000000001</v>
      </c>
      <c r="O290" s="46">
        <v>0</v>
      </c>
      <c r="P290" s="46">
        <v>0</v>
      </c>
      <c r="Q290" s="47">
        <v>5.7</v>
      </c>
    </row>
    <row r="291" spans="2:17" x14ac:dyDescent="0.2">
      <c r="B291" s="76"/>
      <c r="C291" s="39" t="s">
        <v>67</v>
      </c>
      <c r="D291" s="45">
        <v>29</v>
      </c>
      <c r="E291" s="46">
        <v>3.4</v>
      </c>
      <c r="F291" s="46">
        <v>0</v>
      </c>
      <c r="G291" s="46">
        <v>27.6</v>
      </c>
      <c r="H291" s="46">
        <v>6.9</v>
      </c>
      <c r="I291" s="46">
        <v>0</v>
      </c>
      <c r="J291" s="46">
        <v>0</v>
      </c>
      <c r="K291" s="46">
        <v>3.4</v>
      </c>
      <c r="L291" s="46">
        <v>24.1</v>
      </c>
      <c r="M291" s="46">
        <v>6.9</v>
      </c>
      <c r="N291" s="46">
        <v>27.6</v>
      </c>
      <c r="O291" s="46">
        <v>0</v>
      </c>
      <c r="P291" s="46">
        <v>0</v>
      </c>
      <c r="Q291" s="47">
        <v>10.3</v>
      </c>
    </row>
    <row r="292" spans="2:17" x14ac:dyDescent="0.2">
      <c r="B292" s="76"/>
      <c r="C292" s="39" t="s">
        <v>68</v>
      </c>
      <c r="D292" s="45">
        <v>404</v>
      </c>
      <c r="E292" s="46">
        <v>6.2</v>
      </c>
      <c r="F292" s="46">
        <v>3.2</v>
      </c>
      <c r="G292" s="46">
        <v>32.200000000000003</v>
      </c>
      <c r="H292" s="46">
        <v>8.6999999999999993</v>
      </c>
      <c r="I292" s="46">
        <v>3.7</v>
      </c>
      <c r="J292" s="46">
        <v>6.7</v>
      </c>
      <c r="K292" s="46">
        <v>5.2</v>
      </c>
      <c r="L292" s="46">
        <v>23.8</v>
      </c>
      <c r="M292" s="46">
        <v>16.100000000000001</v>
      </c>
      <c r="N292" s="46">
        <v>16.100000000000001</v>
      </c>
      <c r="O292" s="46">
        <v>0.5</v>
      </c>
      <c r="P292" s="46">
        <v>0</v>
      </c>
      <c r="Q292" s="47">
        <v>6.2</v>
      </c>
    </row>
    <row r="293" spans="2:17" x14ac:dyDescent="0.2">
      <c r="B293" s="76"/>
      <c r="C293" s="39" t="s">
        <v>69</v>
      </c>
      <c r="D293" s="45">
        <v>31</v>
      </c>
      <c r="E293" s="46">
        <v>6.5</v>
      </c>
      <c r="F293" s="46">
        <v>0</v>
      </c>
      <c r="G293" s="46">
        <v>29</v>
      </c>
      <c r="H293" s="46">
        <v>6.5</v>
      </c>
      <c r="I293" s="46">
        <v>6.5</v>
      </c>
      <c r="J293" s="46">
        <v>6.5</v>
      </c>
      <c r="K293" s="46">
        <v>3.2</v>
      </c>
      <c r="L293" s="46">
        <v>25.8</v>
      </c>
      <c r="M293" s="46">
        <v>19.399999999999999</v>
      </c>
      <c r="N293" s="46">
        <v>22.6</v>
      </c>
      <c r="O293" s="46">
        <v>0</v>
      </c>
      <c r="P293" s="46">
        <v>0</v>
      </c>
      <c r="Q293" s="47">
        <v>6.5</v>
      </c>
    </row>
    <row r="294" spans="2:17" x14ac:dyDescent="0.2">
      <c r="B294" s="76"/>
      <c r="C294" s="39" t="s">
        <v>70</v>
      </c>
      <c r="D294" s="45">
        <v>238</v>
      </c>
      <c r="E294" s="46">
        <v>8.4</v>
      </c>
      <c r="F294" s="46">
        <v>1.3</v>
      </c>
      <c r="G294" s="46">
        <v>24.4</v>
      </c>
      <c r="H294" s="46">
        <v>10.1</v>
      </c>
      <c r="I294" s="46">
        <v>1.3</v>
      </c>
      <c r="J294" s="46">
        <v>5</v>
      </c>
      <c r="K294" s="46">
        <v>3.4</v>
      </c>
      <c r="L294" s="46">
        <v>28.6</v>
      </c>
      <c r="M294" s="46">
        <v>13.4</v>
      </c>
      <c r="N294" s="46">
        <v>15.5</v>
      </c>
      <c r="O294" s="46">
        <v>0.4</v>
      </c>
      <c r="P294" s="46">
        <v>0</v>
      </c>
      <c r="Q294" s="47">
        <v>11.8</v>
      </c>
    </row>
    <row r="295" spans="2:17" ht="21.6" x14ac:dyDescent="0.2">
      <c r="B295" s="76"/>
      <c r="C295" s="39" t="s">
        <v>63</v>
      </c>
      <c r="D295" s="45">
        <v>61</v>
      </c>
      <c r="E295" s="46">
        <v>1.6</v>
      </c>
      <c r="F295" s="46">
        <v>1.6</v>
      </c>
      <c r="G295" s="46">
        <v>27.9</v>
      </c>
      <c r="H295" s="46">
        <v>11.5</v>
      </c>
      <c r="I295" s="46">
        <v>4.9000000000000004</v>
      </c>
      <c r="J295" s="46">
        <v>3.3</v>
      </c>
      <c r="K295" s="46">
        <v>6.6</v>
      </c>
      <c r="L295" s="46">
        <v>32.799999999999997</v>
      </c>
      <c r="M295" s="46">
        <v>11.5</v>
      </c>
      <c r="N295" s="46">
        <v>9.8000000000000007</v>
      </c>
      <c r="O295" s="46">
        <v>0</v>
      </c>
      <c r="P295" s="46">
        <v>0</v>
      </c>
      <c r="Q295" s="47">
        <v>8.1999999999999993</v>
      </c>
    </row>
    <row r="296" spans="2:17" x14ac:dyDescent="0.2">
      <c r="B296" s="76"/>
      <c r="C296" s="39" t="s">
        <v>64</v>
      </c>
      <c r="D296" s="45">
        <v>56</v>
      </c>
      <c r="E296" s="46">
        <v>12.5</v>
      </c>
      <c r="F296" s="46">
        <v>0</v>
      </c>
      <c r="G296" s="46">
        <v>26.8</v>
      </c>
      <c r="H296" s="46">
        <v>14.3</v>
      </c>
      <c r="I296" s="46">
        <v>0</v>
      </c>
      <c r="J296" s="46">
        <v>7.1</v>
      </c>
      <c r="K296" s="46">
        <v>0</v>
      </c>
      <c r="L296" s="46">
        <v>37.5</v>
      </c>
      <c r="M296" s="46">
        <v>17.899999999999999</v>
      </c>
      <c r="N296" s="46">
        <v>10.7</v>
      </c>
      <c r="O296" s="46">
        <v>0</v>
      </c>
      <c r="P296" s="46">
        <v>0</v>
      </c>
      <c r="Q296" s="47">
        <v>1.8</v>
      </c>
    </row>
    <row r="297" spans="2:17" x14ac:dyDescent="0.2">
      <c r="B297" s="76"/>
      <c r="C297" s="39" t="s">
        <v>65</v>
      </c>
      <c r="D297" s="45">
        <v>66</v>
      </c>
      <c r="E297" s="46">
        <v>13.6</v>
      </c>
      <c r="F297" s="46">
        <v>1.5</v>
      </c>
      <c r="G297" s="46">
        <v>19.7</v>
      </c>
      <c r="H297" s="46">
        <v>7.6</v>
      </c>
      <c r="I297" s="46">
        <v>0</v>
      </c>
      <c r="J297" s="46">
        <v>6.1</v>
      </c>
      <c r="K297" s="46">
        <v>3</v>
      </c>
      <c r="L297" s="46">
        <v>21.2</v>
      </c>
      <c r="M297" s="46">
        <v>10.6</v>
      </c>
      <c r="N297" s="46">
        <v>15.2</v>
      </c>
      <c r="O297" s="46">
        <v>1.5</v>
      </c>
      <c r="P297" s="46">
        <v>0</v>
      </c>
      <c r="Q297" s="47">
        <v>19.7</v>
      </c>
    </row>
    <row r="298" spans="2:17" x14ac:dyDescent="0.2">
      <c r="B298" s="76"/>
      <c r="C298" s="39" t="s">
        <v>66</v>
      </c>
      <c r="D298" s="45">
        <v>45</v>
      </c>
      <c r="E298" s="46">
        <v>2.2000000000000002</v>
      </c>
      <c r="F298" s="46">
        <v>2.2000000000000002</v>
      </c>
      <c r="G298" s="46">
        <v>28.9</v>
      </c>
      <c r="H298" s="46">
        <v>8.9</v>
      </c>
      <c r="I298" s="46">
        <v>0</v>
      </c>
      <c r="J298" s="46">
        <v>4.4000000000000004</v>
      </c>
      <c r="K298" s="46">
        <v>4.4000000000000004</v>
      </c>
      <c r="L298" s="46">
        <v>24.4</v>
      </c>
      <c r="M298" s="46">
        <v>13.3</v>
      </c>
      <c r="N298" s="46">
        <v>26.7</v>
      </c>
      <c r="O298" s="46">
        <v>0</v>
      </c>
      <c r="P298" s="46">
        <v>0</v>
      </c>
      <c r="Q298" s="47">
        <v>15.6</v>
      </c>
    </row>
    <row r="299" spans="2:17" x14ac:dyDescent="0.2">
      <c r="B299" s="76"/>
      <c r="C299" s="39" t="s">
        <v>67</v>
      </c>
      <c r="D299" s="45">
        <v>10</v>
      </c>
      <c r="E299" s="46">
        <v>20</v>
      </c>
      <c r="F299" s="46">
        <v>0</v>
      </c>
      <c r="G299" s="46">
        <v>0</v>
      </c>
      <c r="H299" s="46">
        <v>0</v>
      </c>
      <c r="I299" s="46">
        <v>0</v>
      </c>
      <c r="J299" s="46">
        <v>0</v>
      </c>
      <c r="K299" s="46">
        <v>0</v>
      </c>
      <c r="L299" s="46">
        <v>20</v>
      </c>
      <c r="M299" s="46">
        <v>20</v>
      </c>
      <c r="N299" s="46">
        <v>30</v>
      </c>
      <c r="O299" s="46">
        <v>0</v>
      </c>
      <c r="P299" s="46">
        <v>0</v>
      </c>
      <c r="Q299" s="47">
        <v>20</v>
      </c>
    </row>
    <row r="300" spans="2:17" x14ac:dyDescent="0.2">
      <c r="B300" s="76"/>
      <c r="C300" s="39" t="s">
        <v>68</v>
      </c>
      <c r="D300" s="45">
        <v>177</v>
      </c>
      <c r="E300" s="46">
        <v>10.199999999999999</v>
      </c>
      <c r="F300" s="46">
        <v>1.7</v>
      </c>
      <c r="G300" s="46">
        <v>26.6</v>
      </c>
      <c r="H300" s="46">
        <v>8.5</v>
      </c>
      <c r="I300" s="46">
        <v>1.7</v>
      </c>
      <c r="J300" s="46">
        <v>5.6</v>
      </c>
      <c r="K300" s="46">
        <v>3.4</v>
      </c>
      <c r="L300" s="46">
        <v>27.7</v>
      </c>
      <c r="M300" s="46">
        <v>12.4</v>
      </c>
      <c r="N300" s="46">
        <v>12.4</v>
      </c>
      <c r="O300" s="46">
        <v>0.6</v>
      </c>
      <c r="P300" s="46">
        <v>0</v>
      </c>
      <c r="Q300" s="47">
        <v>9.6</v>
      </c>
    </row>
    <row r="301" spans="2:17" x14ac:dyDescent="0.2">
      <c r="B301" s="76"/>
      <c r="C301" s="40" t="s">
        <v>69</v>
      </c>
      <c r="D301" s="48">
        <v>61</v>
      </c>
      <c r="E301" s="49">
        <v>3.3</v>
      </c>
      <c r="F301" s="49">
        <v>0</v>
      </c>
      <c r="G301" s="49">
        <v>18</v>
      </c>
      <c r="H301" s="49">
        <v>14.8</v>
      </c>
      <c r="I301" s="49">
        <v>0</v>
      </c>
      <c r="J301" s="49">
        <v>3.3</v>
      </c>
      <c r="K301" s="49">
        <v>3.3</v>
      </c>
      <c r="L301" s="49">
        <v>31.1</v>
      </c>
      <c r="M301" s="49">
        <v>16.399999999999999</v>
      </c>
      <c r="N301" s="49">
        <v>24.6</v>
      </c>
      <c r="O301" s="49">
        <v>0</v>
      </c>
      <c r="P301" s="49">
        <v>0</v>
      </c>
      <c r="Q301" s="50">
        <v>18</v>
      </c>
    </row>
    <row r="302" spans="2:17" x14ac:dyDescent="0.2">
      <c r="B302" s="7" t="s">
        <v>71</v>
      </c>
      <c r="C302" s="4" t="s">
        <v>81</v>
      </c>
    </row>
    <row r="303" spans="2:17" x14ac:dyDescent="0.2">
      <c r="B303" s="4"/>
      <c r="C303" s="4" t="s">
        <v>73</v>
      </c>
    </row>
    <row r="305" spans="1:25" x14ac:dyDescent="0.2">
      <c r="A305" s="26" t="s">
        <v>25</v>
      </c>
      <c r="B305" t="s">
        <v>35</v>
      </c>
      <c r="C305" t="s">
        <v>35</v>
      </c>
    </row>
    <row r="306" spans="1:25" x14ac:dyDescent="0.2">
      <c r="B306" s="74" t="s">
        <v>82</v>
      </c>
      <c r="C306" s="75"/>
      <c r="D306" s="75"/>
      <c r="E306" s="75"/>
      <c r="F306" s="75"/>
      <c r="G306" s="75"/>
      <c r="H306" s="75"/>
      <c r="I306" s="75"/>
      <c r="J306" s="75"/>
      <c r="K306" s="75"/>
      <c r="L306" s="75"/>
      <c r="M306" s="75"/>
      <c r="N306" s="75"/>
      <c r="O306" s="75"/>
      <c r="P306" s="75"/>
      <c r="Q306" s="75"/>
      <c r="R306" s="75"/>
      <c r="S306" s="75"/>
      <c r="T306" s="75"/>
      <c r="U306" s="75"/>
      <c r="V306" s="75"/>
      <c r="W306" s="75"/>
      <c r="X306" s="75"/>
      <c r="Y306" s="75"/>
    </row>
    <row r="307" spans="1:25" s="32" customFormat="1" ht="101.25" customHeight="1" x14ac:dyDescent="0.15">
      <c r="A307" s="31"/>
      <c r="D307" s="33" t="s">
        <v>242</v>
      </c>
      <c r="E307" s="35" t="s">
        <v>254</v>
      </c>
      <c r="F307" s="36" t="s">
        <v>255</v>
      </c>
      <c r="G307" s="36" t="s">
        <v>256</v>
      </c>
      <c r="H307" s="36" t="s">
        <v>257</v>
      </c>
      <c r="I307" s="36" t="s">
        <v>258</v>
      </c>
      <c r="J307" s="36" t="s">
        <v>259</v>
      </c>
      <c r="K307" s="36" t="s">
        <v>260</v>
      </c>
      <c r="L307" s="36" t="s">
        <v>261</v>
      </c>
      <c r="M307" s="36" t="s">
        <v>262</v>
      </c>
      <c r="N307" s="36" t="s">
        <v>263</v>
      </c>
      <c r="O307" s="37" t="s">
        <v>264</v>
      </c>
      <c r="P307" s="34" t="s">
        <v>251</v>
      </c>
    </row>
    <row r="308" spans="1:25" x14ac:dyDescent="0.2">
      <c r="B308" s="5"/>
      <c r="C308" s="41" t="s">
        <v>38</v>
      </c>
      <c r="D308" s="42">
        <v>501</v>
      </c>
      <c r="E308" s="43">
        <v>15.8</v>
      </c>
      <c r="F308" s="43">
        <v>12.8</v>
      </c>
      <c r="G308" s="43">
        <v>24.8</v>
      </c>
      <c r="H308" s="43">
        <v>3</v>
      </c>
      <c r="I308" s="43">
        <v>2.2000000000000002</v>
      </c>
      <c r="J308" s="43">
        <v>2</v>
      </c>
      <c r="K308" s="43">
        <v>5.2</v>
      </c>
      <c r="L308" s="43">
        <v>19.2</v>
      </c>
      <c r="M308" s="43">
        <v>3.4</v>
      </c>
      <c r="N308" s="43">
        <v>11.4</v>
      </c>
      <c r="O308" s="44">
        <v>0.4</v>
      </c>
    </row>
    <row r="309" spans="1:25" x14ac:dyDescent="0.2">
      <c r="B309" s="76" t="s">
        <v>37</v>
      </c>
      <c r="C309" s="39" t="s">
        <v>39</v>
      </c>
      <c r="D309" s="45">
        <v>26</v>
      </c>
      <c r="E309" s="46">
        <v>19.2</v>
      </c>
      <c r="F309" s="46">
        <v>7.7</v>
      </c>
      <c r="G309" s="46">
        <v>23.1</v>
      </c>
      <c r="H309" s="46">
        <v>0</v>
      </c>
      <c r="I309" s="46">
        <v>11.5</v>
      </c>
      <c r="J309" s="46">
        <v>7.7</v>
      </c>
      <c r="K309" s="46">
        <v>11.5</v>
      </c>
      <c r="L309" s="46">
        <v>7.7</v>
      </c>
      <c r="M309" s="46">
        <v>0</v>
      </c>
      <c r="N309" s="46">
        <v>11.5</v>
      </c>
      <c r="O309" s="47">
        <v>0</v>
      </c>
    </row>
    <row r="310" spans="1:25" x14ac:dyDescent="0.2">
      <c r="B310" s="76"/>
      <c r="C310" s="39" t="s">
        <v>40</v>
      </c>
      <c r="D310" s="45">
        <v>136</v>
      </c>
      <c r="E310" s="46">
        <v>18.399999999999999</v>
      </c>
      <c r="F310" s="46">
        <v>19.100000000000001</v>
      </c>
      <c r="G310" s="46">
        <v>24.3</v>
      </c>
      <c r="H310" s="46">
        <v>4.4000000000000004</v>
      </c>
      <c r="I310" s="46">
        <v>1.5</v>
      </c>
      <c r="J310" s="46">
        <v>1.5</v>
      </c>
      <c r="K310" s="46">
        <v>3.7</v>
      </c>
      <c r="L310" s="46">
        <v>12.5</v>
      </c>
      <c r="M310" s="46">
        <v>3.7</v>
      </c>
      <c r="N310" s="46">
        <v>10.3</v>
      </c>
      <c r="O310" s="47">
        <v>0.7</v>
      </c>
    </row>
    <row r="311" spans="1:25" ht="21.6" x14ac:dyDescent="0.2">
      <c r="B311" s="76"/>
      <c r="C311" s="39" t="s">
        <v>41</v>
      </c>
      <c r="D311" s="45">
        <v>7</v>
      </c>
      <c r="E311" s="46">
        <v>14.3</v>
      </c>
      <c r="F311" s="46">
        <v>14.3</v>
      </c>
      <c r="G311" s="46">
        <v>28.6</v>
      </c>
      <c r="H311" s="46">
        <v>14.3</v>
      </c>
      <c r="I311" s="46">
        <v>0</v>
      </c>
      <c r="J311" s="46">
        <v>0</v>
      </c>
      <c r="K311" s="46">
        <v>0</v>
      </c>
      <c r="L311" s="46">
        <v>14.3</v>
      </c>
      <c r="M311" s="46">
        <v>0</v>
      </c>
      <c r="N311" s="46">
        <v>14.3</v>
      </c>
      <c r="O311" s="47">
        <v>0</v>
      </c>
    </row>
    <row r="312" spans="1:25" ht="21.6" x14ac:dyDescent="0.2">
      <c r="B312" s="76"/>
      <c r="C312" s="39" t="s">
        <v>42</v>
      </c>
      <c r="D312" s="45">
        <v>119</v>
      </c>
      <c r="E312" s="46">
        <v>13.4</v>
      </c>
      <c r="F312" s="46">
        <v>10.1</v>
      </c>
      <c r="G312" s="46">
        <v>25.2</v>
      </c>
      <c r="H312" s="46">
        <v>3.4</v>
      </c>
      <c r="I312" s="46">
        <v>0</v>
      </c>
      <c r="J312" s="46">
        <v>1.7</v>
      </c>
      <c r="K312" s="46">
        <v>5.9</v>
      </c>
      <c r="L312" s="46">
        <v>21</v>
      </c>
      <c r="M312" s="46">
        <v>4.2</v>
      </c>
      <c r="N312" s="46">
        <v>14.3</v>
      </c>
      <c r="O312" s="47">
        <v>0.8</v>
      </c>
    </row>
    <row r="313" spans="1:25" ht="21.6" x14ac:dyDescent="0.2">
      <c r="B313" s="76"/>
      <c r="C313" s="39" t="s">
        <v>43</v>
      </c>
      <c r="D313" s="45">
        <v>40</v>
      </c>
      <c r="E313" s="46">
        <v>17.5</v>
      </c>
      <c r="F313" s="46">
        <v>17.5</v>
      </c>
      <c r="G313" s="46">
        <v>17.5</v>
      </c>
      <c r="H313" s="46">
        <v>0</v>
      </c>
      <c r="I313" s="46">
        <v>2.5</v>
      </c>
      <c r="J313" s="46">
        <v>2.5</v>
      </c>
      <c r="K313" s="46">
        <v>2.5</v>
      </c>
      <c r="L313" s="46">
        <v>27.5</v>
      </c>
      <c r="M313" s="46">
        <v>2.5</v>
      </c>
      <c r="N313" s="46">
        <v>10</v>
      </c>
      <c r="O313" s="47">
        <v>0</v>
      </c>
    </row>
    <row r="314" spans="1:25" ht="21.6" x14ac:dyDescent="0.2">
      <c r="B314" s="76"/>
      <c r="C314" s="39" t="s">
        <v>44</v>
      </c>
      <c r="D314" s="45">
        <v>64</v>
      </c>
      <c r="E314" s="46">
        <v>10.9</v>
      </c>
      <c r="F314" s="46">
        <v>7.8</v>
      </c>
      <c r="G314" s="46">
        <v>46.9</v>
      </c>
      <c r="H314" s="46">
        <v>0</v>
      </c>
      <c r="I314" s="46">
        <v>3.1</v>
      </c>
      <c r="J314" s="46">
        <v>0</v>
      </c>
      <c r="K314" s="46">
        <v>3.1</v>
      </c>
      <c r="L314" s="46">
        <v>17.2</v>
      </c>
      <c r="M314" s="46">
        <v>1.6</v>
      </c>
      <c r="N314" s="46">
        <v>9.4</v>
      </c>
      <c r="O314" s="47">
        <v>0</v>
      </c>
    </row>
    <row r="315" spans="1:25" ht="21.6" x14ac:dyDescent="0.2">
      <c r="B315" s="76"/>
      <c r="C315" s="39" t="s">
        <v>45</v>
      </c>
      <c r="D315" s="45">
        <v>109</v>
      </c>
      <c r="E315" s="46">
        <v>16.5</v>
      </c>
      <c r="F315" s="46">
        <v>10.1</v>
      </c>
      <c r="G315" s="46">
        <v>14.7</v>
      </c>
      <c r="H315" s="46">
        <v>3.7</v>
      </c>
      <c r="I315" s="46">
        <v>2.8</v>
      </c>
      <c r="J315" s="46">
        <v>2.8</v>
      </c>
      <c r="K315" s="46">
        <v>7.3</v>
      </c>
      <c r="L315" s="46">
        <v>26.6</v>
      </c>
      <c r="M315" s="46">
        <v>4.5999999999999996</v>
      </c>
      <c r="N315" s="46">
        <v>11</v>
      </c>
      <c r="O315" s="47">
        <v>0</v>
      </c>
    </row>
    <row r="316" spans="1:25" ht="21.6" x14ac:dyDescent="0.2">
      <c r="B316" s="76"/>
      <c r="C316" s="39" t="s">
        <v>46</v>
      </c>
      <c r="D316" s="45">
        <v>73</v>
      </c>
      <c r="E316" s="46">
        <v>13.7</v>
      </c>
      <c r="F316" s="46">
        <v>11</v>
      </c>
      <c r="G316" s="46">
        <v>19.2</v>
      </c>
      <c r="H316" s="46">
        <v>5.5</v>
      </c>
      <c r="I316" s="46">
        <v>4.0999999999999996</v>
      </c>
      <c r="J316" s="46">
        <v>1.4</v>
      </c>
      <c r="K316" s="46">
        <v>5.5</v>
      </c>
      <c r="L316" s="46">
        <v>21.9</v>
      </c>
      <c r="M316" s="46">
        <v>9.6</v>
      </c>
      <c r="N316" s="46">
        <v>8.1999999999999993</v>
      </c>
      <c r="O316" s="47">
        <v>0</v>
      </c>
    </row>
    <row r="317" spans="1:25" ht="21.6" x14ac:dyDescent="0.2">
      <c r="B317" s="76"/>
      <c r="C317" s="39" t="s">
        <v>47</v>
      </c>
      <c r="D317" s="45">
        <v>98</v>
      </c>
      <c r="E317" s="46">
        <v>18.399999999999999</v>
      </c>
      <c r="F317" s="46">
        <v>15.3</v>
      </c>
      <c r="G317" s="46">
        <v>21.4</v>
      </c>
      <c r="H317" s="46">
        <v>3.1</v>
      </c>
      <c r="I317" s="46">
        <v>2</v>
      </c>
      <c r="J317" s="46">
        <v>2</v>
      </c>
      <c r="K317" s="46">
        <v>7.1</v>
      </c>
      <c r="L317" s="46">
        <v>14.3</v>
      </c>
      <c r="M317" s="46">
        <v>3.1</v>
      </c>
      <c r="N317" s="46">
        <v>12.2</v>
      </c>
      <c r="O317" s="47">
        <v>1</v>
      </c>
    </row>
    <row r="318" spans="1:25" ht="21.6" x14ac:dyDescent="0.2">
      <c r="B318" s="76"/>
      <c r="C318" s="39" t="s">
        <v>48</v>
      </c>
      <c r="D318" s="45">
        <v>104</v>
      </c>
      <c r="E318" s="46">
        <v>15.4</v>
      </c>
      <c r="F318" s="46">
        <v>7.7</v>
      </c>
      <c r="G318" s="46">
        <v>24</v>
      </c>
      <c r="H318" s="46">
        <v>1</v>
      </c>
      <c r="I318" s="46">
        <v>2.9</v>
      </c>
      <c r="J318" s="46">
        <v>3.8</v>
      </c>
      <c r="K318" s="46">
        <v>6.7</v>
      </c>
      <c r="L318" s="46">
        <v>22.1</v>
      </c>
      <c r="M318" s="46">
        <v>4.8</v>
      </c>
      <c r="N318" s="46">
        <v>11.5</v>
      </c>
      <c r="O318" s="47">
        <v>0</v>
      </c>
    </row>
    <row r="319" spans="1:25" ht="21.6" x14ac:dyDescent="0.2">
      <c r="B319" s="76"/>
      <c r="C319" s="39" t="s">
        <v>49</v>
      </c>
      <c r="D319" s="45">
        <v>76</v>
      </c>
      <c r="E319" s="46">
        <v>17.100000000000001</v>
      </c>
      <c r="F319" s="46">
        <v>15.8</v>
      </c>
      <c r="G319" s="46">
        <v>21.1</v>
      </c>
      <c r="H319" s="46">
        <v>2.6</v>
      </c>
      <c r="I319" s="46">
        <v>1.3</v>
      </c>
      <c r="J319" s="46">
        <v>1.3</v>
      </c>
      <c r="K319" s="46">
        <v>5.3</v>
      </c>
      <c r="L319" s="46">
        <v>19.7</v>
      </c>
      <c r="M319" s="46">
        <v>1.3</v>
      </c>
      <c r="N319" s="46">
        <v>13.2</v>
      </c>
      <c r="O319" s="47">
        <v>1.3</v>
      </c>
    </row>
    <row r="320" spans="1:25" ht="21.6" x14ac:dyDescent="0.2">
      <c r="B320" s="76"/>
      <c r="C320" s="39" t="s">
        <v>50</v>
      </c>
      <c r="D320" s="45">
        <v>50</v>
      </c>
      <c r="E320" s="46">
        <v>12</v>
      </c>
      <c r="F320" s="46">
        <v>18</v>
      </c>
      <c r="G320" s="46">
        <v>36</v>
      </c>
      <c r="H320" s="46">
        <v>2</v>
      </c>
      <c r="I320" s="46">
        <v>0</v>
      </c>
      <c r="J320" s="46">
        <v>2</v>
      </c>
      <c r="K320" s="46">
        <v>4</v>
      </c>
      <c r="L320" s="46">
        <v>16</v>
      </c>
      <c r="M320" s="46">
        <v>0</v>
      </c>
      <c r="N320" s="46">
        <v>10</v>
      </c>
      <c r="O320" s="47">
        <v>0</v>
      </c>
    </row>
    <row r="321" spans="1:25" ht="21.6" x14ac:dyDescent="0.2">
      <c r="B321" s="76"/>
      <c r="C321" s="39" t="s">
        <v>51</v>
      </c>
      <c r="D321" s="45">
        <v>51</v>
      </c>
      <c r="E321" s="46">
        <v>15.7</v>
      </c>
      <c r="F321" s="46">
        <v>11.8</v>
      </c>
      <c r="G321" s="46">
        <v>29.4</v>
      </c>
      <c r="H321" s="46">
        <v>2</v>
      </c>
      <c r="I321" s="46">
        <v>0</v>
      </c>
      <c r="J321" s="46">
        <v>0</v>
      </c>
      <c r="K321" s="46">
        <v>3.9</v>
      </c>
      <c r="L321" s="46">
        <v>17.600000000000001</v>
      </c>
      <c r="M321" s="46">
        <v>2</v>
      </c>
      <c r="N321" s="46">
        <v>17.600000000000001</v>
      </c>
      <c r="O321" s="47">
        <v>0</v>
      </c>
    </row>
    <row r="322" spans="1:25" ht="21.6" x14ac:dyDescent="0.2">
      <c r="B322" s="76"/>
      <c r="C322" s="39" t="s">
        <v>52</v>
      </c>
      <c r="D322" s="45">
        <v>43</v>
      </c>
      <c r="E322" s="46">
        <v>20.9</v>
      </c>
      <c r="F322" s="46">
        <v>14</v>
      </c>
      <c r="G322" s="46">
        <v>9.3000000000000007</v>
      </c>
      <c r="H322" s="46">
        <v>7</v>
      </c>
      <c r="I322" s="46">
        <v>7</v>
      </c>
      <c r="J322" s="46">
        <v>4.7</v>
      </c>
      <c r="K322" s="46">
        <v>4.7</v>
      </c>
      <c r="L322" s="46">
        <v>16.3</v>
      </c>
      <c r="M322" s="46">
        <v>4.7</v>
      </c>
      <c r="N322" s="46">
        <v>9.3000000000000007</v>
      </c>
      <c r="O322" s="47">
        <v>2.2999999999999998</v>
      </c>
    </row>
    <row r="323" spans="1:25" x14ac:dyDescent="0.2">
      <c r="B323" s="76"/>
      <c r="C323" s="39" t="s">
        <v>53</v>
      </c>
      <c r="D323" s="45">
        <v>46</v>
      </c>
      <c r="E323" s="46">
        <v>30.4</v>
      </c>
      <c r="F323" s="46">
        <v>15.2</v>
      </c>
      <c r="G323" s="46">
        <v>6.5</v>
      </c>
      <c r="H323" s="46">
        <v>0</v>
      </c>
      <c r="I323" s="46">
        <v>0</v>
      </c>
      <c r="J323" s="46">
        <v>4.3</v>
      </c>
      <c r="K323" s="46">
        <v>21.7</v>
      </c>
      <c r="L323" s="46">
        <v>10.9</v>
      </c>
      <c r="M323" s="46">
        <v>2.2000000000000002</v>
      </c>
      <c r="N323" s="46">
        <v>8.6999999999999993</v>
      </c>
      <c r="O323" s="47">
        <v>0</v>
      </c>
    </row>
    <row r="324" spans="1:25" ht="21.6" x14ac:dyDescent="0.2">
      <c r="B324" s="76"/>
      <c r="C324" s="39" t="s">
        <v>54</v>
      </c>
      <c r="D324" s="45">
        <v>156</v>
      </c>
      <c r="E324" s="46">
        <v>16.7</v>
      </c>
      <c r="F324" s="46">
        <v>12.2</v>
      </c>
      <c r="G324" s="46">
        <v>16.7</v>
      </c>
      <c r="H324" s="46">
        <v>3.2</v>
      </c>
      <c r="I324" s="46">
        <v>3.2</v>
      </c>
      <c r="J324" s="46">
        <v>1.9</v>
      </c>
      <c r="K324" s="46">
        <v>5.0999999999999996</v>
      </c>
      <c r="L324" s="46">
        <v>25.6</v>
      </c>
      <c r="M324" s="46">
        <v>2.6</v>
      </c>
      <c r="N324" s="46">
        <v>12.2</v>
      </c>
      <c r="O324" s="47">
        <v>0.6</v>
      </c>
    </row>
    <row r="325" spans="1:25" ht="21.6" x14ac:dyDescent="0.2">
      <c r="B325" s="76"/>
      <c r="C325" s="39" t="s">
        <v>55</v>
      </c>
      <c r="D325" s="45">
        <v>222</v>
      </c>
      <c r="E325" s="46">
        <v>9.5</v>
      </c>
      <c r="F325" s="46">
        <v>14</v>
      </c>
      <c r="G325" s="46">
        <v>37.4</v>
      </c>
      <c r="H325" s="46">
        <v>2.7</v>
      </c>
      <c r="I325" s="46">
        <v>0.9</v>
      </c>
      <c r="J325" s="46">
        <v>0.9</v>
      </c>
      <c r="K325" s="46">
        <v>2.2999999999999998</v>
      </c>
      <c r="L325" s="46">
        <v>17.600000000000001</v>
      </c>
      <c r="M325" s="46">
        <v>2.7</v>
      </c>
      <c r="N325" s="46">
        <v>12.2</v>
      </c>
      <c r="O325" s="47">
        <v>0</v>
      </c>
    </row>
    <row r="326" spans="1:25" ht="21.6" x14ac:dyDescent="0.2">
      <c r="B326" s="76"/>
      <c r="C326" s="39" t="s">
        <v>56</v>
      </c>
      <c r="D326" s="45">
        <v>265</v>
      </c>
      <c r="E326" s="46">
        <v>13.2</v>
      </c>
      <c r="F326" s="46">
        <v>13.6</v>
      </c>
      <c r="G326" s="46">
        <v>33.6</v>
      </c>
      <c r="H326" s="46">
        <v>2.2999999999999998</v>
      </c>
      <c r="I326" s="46">
        <v>1.5</v>
      </c>
      <c r="J326" s="46">
        <v>1.5</v>
      </c>
      <c r="K326" s="46">
        <v>4.2</v>
      </c>
      <c r="L326" s="46">
        <v>17.399999999999999</v>
      </c>
      <c r="M326" s="46">
        <v>2.6</v>
      </c>
      <c r="N326" s="46">
        <v>10.199999999999999</v>
      </c>
      <c r="O326" s="47">
        <v>0</v>
      </c>
    </row>
    <row r="327" spans="1:25" x14ac:dyDescent="0.2">
      <c r="B327" s="76"/>
      <c r="C327" s="40" t="s">
        <v>57</v>
      </c>
      <c r="D327" s="48">
        <v>180</v>
      </c>
      <c r="E327" s="49">
        <v>18.899999999999999</v>
      </c>
      <c r="F327" s="49">
        <v>13.3</v>
      </c>
      <c r="G327" s="49">
        <v>15</v>
      </c>
      <c r="H327" s="49">
        <v>3.3</v>
      </c>
      <c r="I327" s="49">
        <v>3.3</v>
      </c>
      <c r="J327" s="49">
        <v>2.8</v>
      </c>
      <c r="K327" s="49">
        <v>6.7</v>
      </c>
      <c r="L327" s="49">
        <v>19.399999999999999</v>
      </c>
      <c r="M327" s="49">
        <v>3.9</v>
      </c>
      <c r="N327" s="49">
        <v>12.2</v>
      </c>
      <c r="O327" s="50">
        <v>1.1000000000000001</v>
      </c>
    </row>
    <row r="329" spans="1:25" x14ac:dyDescent="0.2">
      <c r="C329" t="s">
        <v>35</v>
      </c>
    </row>
    <row r="330" spans="1:25" x14ac:dyDescent="0.2">
      <c r="B330" s="74" t="s">
        <v>183</v>
      </c>
      <c r="C330" s="75"/>
      <c r="D330" s="75"/>
      <c r="E330" s="75"/>
      <c r="F330" s="75"/>
      <c r="G330" s="75"/>
      <c r="H330" s="75"/>
      <c r="I330" s="75"/>
      <c r="J330" s="75"/>
      <c r="K330" s="75"/>
      <c r="L330" s="75"/>
      <c r="M330" s="75"/>
      <c r="N330" s="75"/>
      <c r="O330" s="75"/>
      <c r="P330" s="75"/>
      <c r="Q330" s="75"/>
      <c r="R330" s="75"/>
      <c r="S330" s="75"/>
      <c r="T330" s="75"/>
      <c r="U330" s="75"/>
      <c r="V330" s="75"/>
      <c r="W330" s="75"/>
      <c r="X330" s="75"/>
      <c r="Y330" s="75"/>
    </row>
    <row r="331" spans="1:25" s="32" customFormat="1" ht="101.25" customHeight="1" x14ac:dyDescent="0.15">
      <c r="A331" s="31"/>
      <c r="D331" s="33" t="s">
        <v>242</v>
      </c>
      <c r="E331" s="35" t="s">
        <v>254</v>
      </c>
      <c r="F331" s="36" t="s">
        <v>255</v>
      </c>
      <c r="G331" s="36" t="s">
        <v>256</v>
      </c>
      <c r="H331" s="36" t="s">
        <v>257</v>
      </c>
      <c r="I331" s="36" t="s">
        <v>258</v>
      </c>
      <c r="J331" s="36" t="s">
        <v>259</v>
      </c>
      <c r="K331" s="36" t="s">
        <v>260</v>
      </c>
      <c r="L331" s="36" t="s">
        <v>261</v>
      </c>
      <c r="M331" s="36" t="s">
        <v>262</v>
      </c>
      <c r="N331" s="36" t="s">
        <v>263</v>
      </c>
      <c r="O331" s="37" t="s">
        <v>264</v>
      </c>
      <c r="P331" s="34" t="s">
        <v>251</v>
      </c>
    </row>
    <row r="332" spans="1:25" ht="21.6" x14ac:dyDescent="0.2">
      <c r="B332" s="76" t="s">
        <v>37</v>
      </c>
      <c r="C332" s="38" t="s">
        <v>58</v>
      </c>
      <c r="D332" s="51">
        <v>202</v>
      </c>
      <c r="E332" s="52">
        <v>13.9</v>
      </c>
      <c r="F332" s="52">
        <v>13.4</v>
      </c>
      <c r="G332" s="52">
        <v>32.700000000000003</v>
      </c>
      <c r="H332" s="52">
        <v>3</v>
      </c>
      <c r="I332" s="52">
        <v>2.5</v>
      </c>
      <c r="J332" s="52">
        <v>2</v>
      </c>
      <c r="K332" s="52">
        <v>5</v>
      </c>
      <c r="L332" s="52">
        <v>16.8</v>
      </c>
      <c r="M332" s="52">
        <v>3.5</v>
      </c>
      <c r="N332" s="52">
        <v>7.4</v>
      </c>
      <c r="O332" s="53">
        <v>0</v>
      </c>
    </row>
    <row r="333" spans="1:25" ht="21.6" x14ac:dyDescent="0.2">
      <c r="B333" s="76"/>
      <c r="C333" s="39" t="s">
        <v>59</v>
      </c>
      <c r="D333" s="45">
        <v>299</v>
      </c>
      <c r="E333" s="46">
        <v>17.100000000000001</v>
      </c>
      <c r="F333" s="46">
        <v>12.4</v>
      </c>
      <c r="G333" s="46">
        <v>19.399999999999999</v>
      </c>
      <c r="H333" s="46">
        <v>3</v>
      </c>
      <c r="I333" s="46">
        <v>2</v>
      </c>
      <c r="J333" s="46">
        <v>2</v>
      </c>
      <c r="K333" s="46">
        <v>5.4</v>
      </c>
      <c r="L333" s="46">
        <v>20.7</v>
      </c>
      <c r="M333" s="46">
        <v>3.3</v>
      </c>
      <c r="N333" s="46">
        <v>14</v>
      </c>
      <c r="O333" s="47">
        <v>0.7</v>
      </c>
    </row>
    <row r="334" spans="1:25" x14ac:dyDescent="0.2">
      <c r="B334" s="76"/>
      <c r="C334" s="39" t="s">
        <v>60</v>
      </c>
      <c r="D334" s="45">
        <v>357</v>
      </c>
      <c r="E334" s="46">
        <v>15.4</v>
      </c>
      <c r="F334" s="46">
        <v>11.5</v>
      </c>
      <c r="G334" s="46">
        <v>26.1</v>
      </c>
      <c r="H334" s="46">
        <v>3.6</v>
      </c>
      <c r="I334" s="46">
        <v>1.4</v>
      </c>
      <c r="J334" s="46">
        <v>1.7</v>
      </c>
      <c r="K334" s="46">
        <v>5</v>
      </c>
      <c r="L334" s="46">
        <v>19.899999999999999</v>
      </c>
      <c r="M334" s="46">
        <v>3.4</v>
      </c>
      <c r="N334" s="46">
        <v>11.5</v>
      </c>
      <c r="O334" s="47">
        <v>0.6</v>
      </c>
    </row>
    <row r="335" spans="1:25" x14ac:dyDescent="0.2">
      <c r="B335" s="76"/>
      <c r="C335" s="39" t="s">
        <v>61</v>
      </c>
      <c r="D335" s="45">
        <v>144</v>
      </c>
      <c r="E335" s="46">
        <v>16.7</v>
      </c>
      <c r="F335" s="46">
        <v>16</v>
      </c>
      <c r="G335" s="46">
        <v>21.5</v>
      </c>
      <c r="H335" s="46">
        <v>1.4</v>
      </c>
      <c r="I335" s="46">
        <v>4.2</v>
      </c>
      <c r="J335" s="46">
        <v>2.8</v>
      </c>
      <c r="K335" s="46">
        <v>5.6</v>
      </c>
      <c r="L335" s="46">
        <v>17.399999999999999</v>
      </c>
      <c r="M335" s="46">
        <v>3.5</v>
      </c>
      <c r="N335" s="46">
        <v>11.1</v>
      </c>
      <c r="O335" s="47">
        <v>0</v>
      </c>
    </row>
    <row r="336" spans="1:25" x14ac:dyDescent="0.2">
      <c r="B336" s="76"/>
      <c r="C336" s="39" t="s">
        <v>62</v>
      </c>
      <c r="D336" s="45">
        <v>321</v>
      </c>
      <c r="E336" s="46">
        <v>14.6</v>
      </c>
      <c r="F336" s="46">
        <v>12.1</v>
      </c>
      <c r="G336" s="46">
        <v>24</v>
      </c>
      <c r="H336" s="46">
        <v>3.4</v>
      </c>
      <c r="I336" s="46">
        <v>2.8</v>
      </c>
      <c r="J336" s="46">
        <v>2.5</v>
      </c>
      <c r="K336" s="46">
        <v>6.2</v>
      </c>
      <c r="L336" s="46">
        <v>18.100000000000001</v>
      </c>
      <c r="M336" s="46">
        <v>2.8</v>
      </c>
      <c r="N336" s="46">
        <v>12.8</v>
      </c>
      <c r="O336" s="47">
        <v>0.6</v>
      </c>
    </row>
    <row r="337" spans="2:15" ht="21.6" x14ac:dyDescent="0.2">
      <c r="B337" s="76"/>
      <c r="C337" s="39" t="s">
        <v>63</v>
      </c>
      <c r="D337" s="45">
        <v>52</v>
      </c>
      <c r="E337" s="46">
        <v>9.6</v>
      </c>
      <c r="F337" s="46">
        <v>15.4</v>
      </c>
      <c r="G337" s="46">
        <v>15.4</v>
      </c>
      <c r="H337" s="46">
        <v>9.6</v>
      </c>
      <c r="I337" s="46">
        <v>5.8</v>
      </c>
      <c r="J337" s="46">
        <v>1.9</v>
      </c>
      <c r="K337" s="46">
        <v>3.8</v>
      </c>
      <c r="L337" s="46">
        <v>23.1</v>
      </c>
      <c r="M337" s="46">
        <v>5.8</v>
      </c>
      <c r="N337" s="46">
        <v>9.6</v>
      </c>
      <c r="O337" s="47">
        <v>0</v>
      </c>
    </row>
    <row r="338" spans="2:15" x14ac:dyDescent="0.2">
      <c r="B338" s="76"/>
      <c r="C338" s="39" t="s">
        <v>64</v>
      </c>
      <c r="D338" s="45">
        <v>75</v>
      </c>
      <c r="E338" s="46">
        <v>30.7</v>
      </c>
      <c r="F338" s="46">
        <v>13.3</v>
      </c>
      <c r="G338" s="46">
        <v>17.3</v>
      </c>
      <c r="H338" s="46">
        <v>0</v>
      </c>
      <c r="I338" s="46">
        <v>2.7</v>
      </c>
      <c r="J338" s="46">
        <v>4</v>
      </c>
      <c r="K338" s="46">
        <v>5.3</v>
      </c>
      <c r="L338" s="46">
        <v>16</v>
      </c>
      <c r="M338" s="46">
        <v>2.7</v>
      </c>
      <c r="N338" s="46">
        <v>8</v>
      </c>
      <c r="O338" s="47">
        <v>0</v>
      </c>
    </row>
    <row r="339" spans="2:15" x14ac:dyDescent="0.2">
      <c r="B339" s="76"/>
      <c r="C339" s="39" t="s">
        <v>65</v>
      </c>
      <c r="D339" s="45">
        <v>91</v>
      </c>
      <c r="E339" s="46">
        <v>12.1</v>
      </c>
      <c r="F339" s="46">
        <v>12.1</v>
      </c>
      <c r="G339" s="46">
        <v>24.2</v>
      </c>
      <c r="H339" s="46">
        <v>5.5</v>
      </c>
      <c r="I339" s="46">
        <v>2.2000000000000002</v>
      </c>
      <c r="J339" s="46">
        <v>2.2000000000000002</v>
      </c>
      <c r="K339" s="46">
        <v>9.9</v>
      </c>
      <c r="L339" s="46">
        <v>14.3</v>
      </c>
      <c r="M339" s="46">
        <v>3.3</v>
      </c>
      <c r="N339" s="46">
        <v>12.1</v>
      </c>
      <c r="O339" s="47">
        <v>2.2000000000000002</v>
      </c>
    </row>
    <row r="340" spans="2:15" x14ac:dyDescent="0.2">
      <c r="B340" s="76"/>
      <c r="C340" s="39" t="s">
        <v>66</v>
      </c>
      <c r="D340" s="45">
        <v>81</v>
      </c>
      <c r="E340" s="46">
        <v>7.4</v>
      </c>
      <c r="F340" s="46">
        <v>9.9</v>
      </c>
      <c r="G340" s="46">
        <v>35.799999999999997</v>
      </c>
      <c r="H340" s="46">
        <v>1.2</v>
      </c>
      <c r="I340" s="46">
        <v>2.5</v>
      </c>
      <c r="J340" s="46">
        <v>1.2</v>
      </c>
      <c r="K340" s="46">
        <v>4.9000000000000004</v>
      </c>
      <c r="L340" s="46">
        <v>19.8</v>
      </c>
      <c r="M340" s="46">
        <v>1.2</v>
      </c>
      <c r="N340" s="46">
        <v>16</v>
      </c>
      <c r="O340" s="47">
        <v>0</v>
      </c>
    </row>
    <row r="341" spans="2:15" x14ac:dyDescent="0.2">
      <c r="B341" s="76"/>
      <c r="C341" s="39" t="s">
        <v>67</v>
      </c>
      <c r="D341" s="45">
        <v>22</v>
      </c>
      <c r="E341" s="46">
        <v>9.1</v>
      </c>
      <c r="F341" s="46">
        <v>9.1</v>
      </c>
      <c r="G341" s="46">
        <v>22.7</v>
      </c>
      <c r="H341" s="46">
        <v>0</v>
      </c>
      <c r="I341" s="46">
        <v>0</v>
      </c>
      <c r="J341" s="46">
        <v>4.5</v>
      </c>
      <c r="K341" s="46">
        <v>4.5</v>
      </c>
      <c r="L341" s="46">
        <v>22.7</v>
      </c>
      <c r="M341" s="46">
        <v>0</v>
      </c>
      <c r="N341" s="46">
        <v>27.3</v>
      </c>
      <c r="O341" s="47">
        <v>0</v>
      </c>
    </row>
    <row r="342" spans="2:15" x14ac:dyDescent="0.2">
      <c r="B342" s="76"/>
      <c r="C342" s="39" t="s">
        <v>68</v>
      </c>
      <c r="D342" s="45">
        <v>297</v>
      </c>
      <c r="E342" s="46">
        <v>15.2</v>
      </c>
      <c r="F342" s="46">
        <v>12.8</v>
      </c>
      <c r="G342" s="46">
        <v>24.6</v>
      </c>
      <c r="H342" s="46">
        <v>3.4</v>
      </c>
      <c r="I342" s="46">
        <v>3</v>
      </c>
      <c r="J342" s="46">
        <v>2.4</v>
      </c>
      <c r="K342" s="46">
        <v>6.1</v>
      </c>
      <c r="L342" s="46">
        <v>17.8</v>
      </c>
      <c r="M342" s="46">
        <v>2</v>
      </c>
      <c r="N342" s="46">
        <v>12.1</v>
      </c>
      <c r="O342" s="47">
        <v>0.7</v>
      </c>
    </row>
    <row r="343" spans="2:15" x14ac:dyDescent="0.2">
      <c r="B343" s="76"/>
      <c r="C343" s="39" t="s">
        <v>69</v>
      </c>
      <c r="D343" s="45">
        <v>24</v>
      </c>
      <c r="E343" s="46">
        <v>8.3000000000000007</v>
      </c>
      <c r="F343" s="46">
        <v>4.2</v>
      </c>
      <c r="G343" s="46">
        <v>16.7</v>
      </c>
      <c r="H343" s="46">
        <v>4.2</v>
      </c>
      <c r="I343" s="46">
        <v>0</v>
      </c>
      <c r="J343" s="46">
        <v>4.2</v>
      </c>
      <c r="K343" s="46">
        <v>8.3000000000000007</v>
      </c>
      <c r="L343" s="46">
        <v>20.8</v>
      </c>
      <c r="M343" s="46">
        <v>12.5</v>
      </c>
      <c r="N343" s="46">
        <v>20.8</v>
      </c>
      <c r="O343" s="47">
        <v>0</v>
      </c>
    </row>
    <row r="344" spans="2:15" x14ac:dyDescent="0.2">
      <c r="B344" s="76"/>
      <c r="C344" s="39" t="s">
        <v>70</v>
      </c>
      <c r="D344" s="45">
        <v>180</v>
      </c>
      <c r="E344" s="46">
        <v>17.8</v>
      </c>
      <c r="F344" s="46">
        <v>13.9</v>
      </c>
      <c r="G344" s="46">
        <v>26.1</v>
      </c>
      <c r="H344" s="46">
        <v>2.2000000000000002</v>
      </c>
      <c r="I344" s="46">
        <v>1.1000000000000001</v>
      </c>
      <c r="J344" s="46">
        <v>1.1000000000000001</v>
      </c>
      <c r="K344" s="46">
        <v>3.3</v>
      </c>
      <c r="L344" s="46">
        <v>21.1</v>
      </c>
      <c r="M344" s="46">
        <v>4.4000000000000004</v>
      </c>
      <c r="N344" s="46">
        <v>8.9</v>
      </c>
      <c r="O344" s="47">
        <v>0</v>
      </c>
    </row>
    <row r="345" spans="2:15" ht="21.6" x14ac:dyDescent="0.2">
      <c r="B345" s="76"/>
      <c r="C345" s="39" t="s">
        <v>63</v>
      </c>
      <c r="D345" s="45">
        <v>47</v>
      </c>
      <c r="E345" s="46">
        <v>10.6</v>
      </c>
      <c r="F345" s="46">
        <v>10.6</v>
      </c>
      <c r="G345" s="46">
        <v>29.8</v>
      </c>
      <c r="H345" s="46">
        <v>4.3</v>
      </c>
      <c r="I345" s="46">
        <v>2.1</v>
      </c>
      <c r="J345" s="46">
        <v>2.1</v>
      </c>
      <c r="K345" s="46">
        <v>4.3</v>
      </c>
      <c r="L345" s="46">
        <v>23.4</v>
      </c>
      <c r="M345" s="46">
        <v>6.4</v>
      </c>
      <c r="N345" s="46">
        <v>6.4</v>
      </c>
      <c r="O345" s="47">
        <v>0</v>
      </c>
    </row>
    <row r="346" spans="2:15" x14ac:dyDescent="0.2">
      <c r="B346" s="76"/>
      <c r="C346" s="39" t="s">
        <v>64</v>
      </c>
      <c r="D346" s="45">
        <v>46</v>
      </c>
      <c r="E346" s="46">
        <v>23.9</v>
      </c>
      <c r="F346" s="46">
        <v>17.399999999999999</v>
      </c>
      <c r="G346" s="46">
        <v>19.600000000000001</v>
      </c>
      <c r="H346" s="46">
        <v>0</v>
      </c>
      <c r="I346" s="46">
        <v>0</v>
      </c>
      <c r="J346" s="46">
        <v>2.2000000000000002</v>
      </c>
      <c r="K346" s="46">
        <v>4.3</v>
      </c>
      <c r="L346" s="46">
        <v>26.1</v>
      </c>
      <c r="M346" s="46">
        <v>2.2000000000000002</v>
      </c>
      <c r="N346" s="46">
        <v>4.3</v>
      </c>
      <c r="O346" s="47">
        <v>0</v>
      </c>
    </row>
    <row r="347" spans="2:15" x14ac:dyDescent="0.2">
      <c r="B347" s="76"/>
      <c r="C347" s="39" t="s">
        <v>65</v>
      </c>
      <c r="D347" s="45">
        <v>46</v>
      </c>
      <c r="E347" s="46">
        <v>28.3</v>
      </c>
      <c r="F347" s="46">
        <v>13</v>
      </c>
      <c r="G347" s="46">
        <v>26.1</v>
      </c>
      <c r="H347" s="46">
        <v>4.3</v>
      </c>
      <c r="I347" s="46">
        <v>2.2000000000000002</v>
      </c>
      <c r="J347" s="46">
        <v>0</v>
      </c>
      <c r="K347" s="46">
        <v>0</v>
      </c>
      <c r="L347" s="46">
        <v>15.2</v>
      </c>
      <c r="M347" s="46">
        <v>4.3</v>
      </c>
      <c r="N347" s="46">
        <v>6.5</v>
      </c>
      <c r="O347" s="47">
        <v>0</v>
      </c>
    </row>
    <row r="348" spans="2:15" x14ac:dyDescent="0.2">
      <c r="B348" s="76"/>
      <c r="C348" s="39" t="s">
        <v>66</v>
      </c>
      <c r="D348" s="45">
        <v>34</v>
      </c>
      <c r="E348" s="46">
        <v>5.9</v>
      </c>
      <c r="F348" s="46">
        <v>11.8</v>
      </c>
      <c r="G348" s="46">
        <v>35.299999999999997</v>
      </c>
      <c r="H348" s="46">
        <v>0</v>
      </c>
      <c r="I348" s="46">
        <v>0</v>
      </c>
      <c r="J348" s="46">
        <v>0</v>
      </c>
      <c r="K348" s="46">
        <v>5.9</v>
      </c>
      <c r="L348" s="46">
        <v>14.7</v>
      </c>
      <c r="M348" s="46">
        <v>5.9</v>
      </c>
      <c r="N348" s="46">
        <v>20.6</v>
      </c>
      <c r="O348" s="47">
        <v>0</v>
      </c>
    </row>
    <row r="349" spans="2:15" x14ac:dyDescent="0.2">
      <c r="B349" s="76"/>
      <c r="C349" s="39" t="s">
        <v>67</v>
      </c>
      <c r="D349" s="45">
        <v>7</v>
      </c>
      <c r="E349" s="46">
        <v>14.3</v>
      </c>
      <c r="F349" s="46">
        <v>28.6</v>
      </c>
      <c r="G349" s="46">
        <v>0</v>
      </c>
      <c r="H349" s="46">
        <v>0</v>
      </c>
      <c r="I349" s="46">
        <v>0</v>
      </c>
      <c r="J349" s="46">
        <v>0</v>
      </c>
      <c r="K349" s="46">
        <v>0</v>
      </c>
      <c r="L349" s="46">
        <v>42.9</v>
      </c>
      <c r="M349" s="46">
        <v>0</v>
      </c>
      <c r="N349" s="46">
        <v>14.3</v>
      </c>
      <c r="O349" s="47">
        <v>0</v>
      </c>
    </row>
    <row r="350" spans="2:15" x14ac:dyDescent="0.2">
      <c r="B350" s="76"/>
      <c r="C350" s="39" t="s">
        <v>68</v>
      </c>
      <c r="D350" s="45">
        <v>136</v>
      </c>
      <c r="E350" s="46">
        <v>20.6</v>
      </c>
      <c r="F350" s="46">
        <v>14.7</v>
      </c>
      <c r="G350" s="46">
        <v>27.2</v>
      </c>
      <c r="H350" s="46">
        <v>0.7</v>
      </c>
      <c r="I350" s="46">
        <v>1.5</v>
      </c>
      <c r="J350" s="46">
        <v>1.5</v>
      </c>
      <c r="K350" s="46">
        <v>3.7</v>
      </c>
      <c r="L350" s="46">
        <v>19.100000000000001</v>
      </c>
      <c r="M350" s="46">
        <v>4.4000000000000004</v>
      </c>
      <c r="N350" s="46">
        <v>6.6</v>
      </c>
      <c r="O350" s="47">
        <v>0</v>
      </c>
    </row>
    <row r="351" spans="2:15" x14ac:dyDescent="0.2">
      <c r="B351" s="76"/>
      <c r="C351" s="40" t="s">
        <v>69</v>
      </c>
      <c r="D351" s="48">
        <v>44</v>
      </c>
      <c r="E351" s="49">
        <v>9.1</v>
      </c>
      <c r="F351" s="49">
        <v>11.4</v>
      </c>
      <c r="G351" s="49">
        <v>22.7</v>
      </c>
      <c r="H351" s="49">
        <v>6.8</v>
      </c>
      <c r="I351" s="49">
        <v>0</v>
      </c>
      <c r="J351" s="49">
        <v>0</v>
      </c>
      <c r="K351" s="49">
        <v>2.2999999999999998</v>
      </c>
      <c r="L351" s="49">
        <v>27.3</v>
      </c>
      <c r="M351" s="49">
        <v>4.5</v>
      </c>
      <c r="N351" s="49">
        <v>15.9</v>
      </c>
      <c r="O351" s="50">
        <v>0</v>
      </c>
    </row>
    <row r="353" spans="1:25" x14ac:dyDescent="0.2">
      <c r="A353" s="26" t="s">
        <v>25</v>
      </c>
      <c r="B353" t="s">
        <v>35</v>
      </c>
      <c r="C353" t="s">
        <v>35</v>
      </c>
    </row>
    <row r="354" spans="1:25" x14ac:dyDescent="0.2">
      <c r="B354" s="74" t="s">
        <v>83</v>
      </c>
      <c r="C354" s="75"/>
      <c r="D354" s="75"/>
      <c r="E354" s="75"/>
      <c r="F354" s="75"/>
      <c r="G354" s="75"/>
      <c r="H354" s="75"/>
      <c r="I354" s="75"/>
      <c r="J354" s="75"/>
      <c r="K354" s="75"/>
      <c r="L354" s="75"/>
      <c r="M354" s="75"/>
      <c r="N354" s="75"/>
      <c r="O354" s="75"/>
      <c r="P354" s="75"/>
      <c r="Q354" s="75"/>
      <c r="R354" s="75"/>
      <c r="S354" s="75"/>
      <c r="T354" s="75"/>
      <c r="U354" s="75"/>
      <c r="V354" s="75"/>
      <c r="W354" s="75"/>
      <c r="X354" s="75"/>
      <c r="Y354" s="75"/>
    </row>
    <row r="355" spans="1:25" s="32" customFormat="1" ht="101.25" customHeight="1" x14ac:dyDescent="0.15">
      <c r="A355" s="31"/>
      <c r="D355" s="33" t="s">
        <v>242</v>
      </c>
      <c r="E355" s="35" t="s">
        <v>254</v>
      </c>
      <c r="F355" s="36" t="s">
        <v>255</v>
      </c>
      <c r="G355" s="36" t="s">
        <v>256</v>
      </c>
      <c r="H355" s="36" t="s">
        <v>257</v>
      </c>
      <c r="I355" s="36" t="s">
        <v>258</v>
      </c>
      <c r="J355" s="36" t="s">
        <v>259</v>
      </c>
      <c r="K355" s="36" t="s">
        <v>260</v>
      </c>
      <c r="L355" s="36" t="s">
        <v>261</v>
      </c>
      <c r="M355" s="36" t="s">
        <v>262</v>
      </c>
      <c r="N355" s="36" t="s">
        <v>263</v>
      </c>
      <c r="O355" s="37" t="s">
        <v>264</v>
      </c>
      <c r="P355" s="34" t="s">
        <v>251</v>
      </c>
    </row>
    <row r="356" spans="1:25" x14ac:dyDescent="0.2">
      <c r="B356" s="5"/>
      <c r="C356" s="41" t="s">
        <v>38</v>
      </c>
      <c r="D356" s="42">
        <v>486</v>
      </c>
      <c r="E356" s="43">
        <v>8.1999999999999993</v>
      </c>
      <c r="F356" s="43">
        <v>1.9</v>
      </c>
      <c r="G356" s="43">
        <v>25.3</v>
      </c>
      <c r="H356" s="43">
        <v>5.3</v>
      </c>
      <c r="I356" s="43">
        <v>1.9</v>
      </c>
      <c r="J356" s="43">
        <v>4.5</v>
      </c>
      <c r="K356" s="43">
        <v>4.0999999999999996</v>
      </c>
      <c r="L356" s="43">
        <v>21.8</v>
      </c>
      <c r="M356" s="43">
        <v>9.3000000000000007</v>
      </c>
      <c r="N356" s="43">
        <v>17.100000000000001</v>
      </c>
      <c r="O356" s="44">
        <v>0.6</v>
      </c>
    </row>
    <row r="357" spans="1:25" x14ac:dyDescent="0.2">
      <c r="B357" s="76" t="s">
        <v>37</v>
      </c>
      <c r="C357" s="39" t="s">
        <v>39</v>
      </c>
      <c r="D357" s="45">
        <v>29</v>
      </c>
      <c r="E357" s="46">
        <v>6.9</v>
      </c>
      <c r="F357" s="46">
        <v>3.4</v>
      </c>
      <c r="G357" s="46">
        <v>27.6</v>
      </c>
      <c r="H357" s="46">
        <v>0</v>
      </c>
      <c r="I357" s="46">
        <v>10.3</v>
      </c>
      <c r="J357" s="46">
        <v>6.9</v>
      </c>
      <c r="K357" s="46">
        <v>6.9</v>
      </c>
      <c r="L357" s="46">
        <v>17.2</v>
      </c>
      <c r="M357" s="46">
        <v>6.9</v>
      </c>
      <c r="N357" s="46">
        <v>13.8</v>
      </c>
      <c r="O357" s="47">
        <v>0</v>
      </c>
    </row>
    <row r="358" spans="1:25" x14ac:dyDescent="0.2">
      <c r="B358" s="76"/>
      <c r="C358" s="39" t="s">
        <v>40</v>
      </c>
      <c r="D358" s="45">
        <v>131</v>
      </c>
      <c r="E358" s="46">
        <v>6.9</v>
      </c>
      <c r="F358" s="46">
        <v>2.2999999999999998</v>
      </c>
      <c r="G358" s="46">
        <v>26.7</v>
      </c>
      <c r="H358" s="46">
        <v>6.9</v>
      </c>
      <c r="I358" s="46">
        <v>0.8</v>
      </c>
      <c r="J358" s="46">
        <v>6.9</v>
      </c>
      <c r="K358" s="46">
        <v>1.5</v>
      </c>
      <c r="L358" s="46">
        <v>16.8</v>
      </c>
      <c r="M358" s="46">
        <v>12.2</v>
      </c>
      <c r="N358" s="46">
        <v>18.3</v>
      </c>
      <c r="O358" s="47">
        <v>0.8</v>
      </c>
    </row>
    <row r="359" spans="1:25" ht="21.6" x14ac:dyDescent="0.2">
      <c r="B359" s="76"/>
      <c r="C359" s="39" t="s">
        <v>41</v>
      </c>
      <c r="D359" s="45">
        <v>7</v>
      </c>
      <c r="E359" s="46">
        <v>0</v>
      </c>
      <c r="F359" s="46">
        <v>14.3</v>
      </c>
      <c r="G359" s="46">
        <v>14.3</v>
      </c>
      <c r="H359" s="46">
        <v>14.3</v>
      </c>
      <c r="I359" s="46">
        <v>0</v>
      </c>
      <c r="J359" s="46">
        <v>14.3</v>
      </c>
      <c r="K359" s="46">
        <v>0</v>
      </c>
      <c r="L359" s="46">
        <v>28.6</v>
      </c>
      <c r="M359" s="46">
        <v>14.3</v>
      </c>
      <c r="N359" s="46">
        <v>0</v>
      </c>
      <c r="O359" s="47">
        <v>0</v>
      </c>
    </row>
    <row r="360" spans="1:25" ht="21.6" x14ac:dyDescent="0.2">
      <c r="B360" s="76"/>
      <c r="C360" s="39" t="s">
        <v>42</v>
      </c>
      <c r="D360" s="45">
        <v>111</v>
      </c>
      <c r="E360" s="46">
        <v>9</v>
      </c>
      <c r="F360" s="46">
        <v>1.8</v>
      </c>
      <c r="G360" s="46">
        <v>27</v>
      </c>
      <c r="H360" s="46">
        <v>5.4</v>
      </c>
      <c r="I360" s="46">
        <v>0.9</v>
      </c>
      <c r="J360" s="46">
        <v>0.9</v>
      </c>
      <c r="K360" s="46">
        <v>6.3</v>
      </c>
      <c r="L360" s="46">
        <v>20.7</v>
      </c>
      <c r="M360" s="46">
        <v>6.3</v>
      </c>
      <c r="N360" s="46">
        <v>19.8</v>
      </c>
      <c r="O360" s="47">
        <v>1.8</v>
      </c>
    </row>
    <row r="361" spans="1:25" ht="21.6" x14ac:dyDescent="0.2">
      <c r="B361" s="76"/>
      <c r="C361" s="39" t="s">
        <v>43</v>
      </c>
      <c r="D361" s="45">
        <v>41</v>
      </c>
      <c r="E361" s="46">
        <v>12.2</v>
      </c>
      <c r="F361" s="46">
        <v>0</v>
      </c>
      <c r="G361" s="46">
        <v>9.8000000000000007</v>
      </c>
      <c r="H361" s="46">
        <v>2.4</v>
      </c>
      <c r="I361" s="46">
        <v>7.3</v>
      </c>
      <c r="J361" s="46">
        <v>2.4</v>
      </c>
      <c r="K361" s="46">
        <v>2.4</v>
      </c>
      <c r="L361" s="46">
        <v>46.3</v>
      </c>
      <c r="M361" s="46">
        <v>4.9000000000000004</v>
      </c>
      <c r="N361" s="46">
        <v>12.2</v>
      </c>
      <c r="O361" s="47">
        <v>0</v>
      </c>
    </row>
    <row r="362" spans="1:25" ht="21.6" x14ac:dyDescent="0.2">
      <c r="B362" s="76"/>
      <c r="C362" s="39" t="s">
        <v>44</v>
      </c>
      <c r="D362" s="45">
        <v>63</v>
      </c>
      <c r="E362" s="46">
        <v>7.9</v>
      </c>
      <c r="F362" s="46">
        <v>1.6</v>
      </c>
      <c r="G362" s="46">
        <v>47.6</v>
      </c>
      <c r="H362" s="46">
        <v>1.6</v>
      </c>
      <c r="I362" s="46">
        <v>1.6</v>
      </c>
      <c r="J362" s="46">
        <v>0</v>
      </c>
      <c r="K362" s="46">
        <v>4.8</v>
      </c>
      <c r="L362" s="46">
        <v>9.5</v>
      </c>
      <c r="M362" s="46">
        <v>12.7</v>
      </c>
      <c r="N362" s="46">
        <v>12.7</v>
      </c>
      <c r="O362" s="47">
        <v>0</v>
      </c>
    </row>
    <row r="363" spans="1:25" ht="21.6" x14ac:dyDescent="0.2">
      <c r="B363" s="76"/>
      <c r="C363" s="39" t="s">
        <v>45</v>
      </c>
      <c r="D363" s="45">
        <v>104</v>
      </c>
      <c r="E363" s="46">
        <v>8.6999999999999993</v>
      </c>
      <c r="F363" s="46">
        <v>1</v>
      </c>
      <c r="G363" s="46">
        <v>14.4</v>
      </c>
      <c r="H363" s="46">
        <v>7.7</v>
      </c>
      <c r="I363" s="46">
        <v>0</v>
      </c>
      <c r="J363" s="46">
        <v>7.7</v>
      </c>
      <c r="K363" s="46">
        <v>4.8</v>
      </c>
      <c r="L363" s="46">
        <v>27.9</v>
      </c>
      <c r="M363" s="46">
        <v>8.6999999999999993</v>
      </c>
      <c r="N363" s="46">
        <v>19.2</v>
      </c>
      <c r="O363" s="47">
        <v>0</v>
      </c>
    </row>
    <row r="364" spans="1:25" ht="21.6" x14ac:dyDescent="0.2">
      <c r="B364" s="76"/>
      <c r="C364" s="39" t="s">
        <v>46</v>
      </c>
      <c r="D364" s="45">
        <v>63</v>
      </c>
      <c r="E364" s="46">
        <v>9.5</v>
      </c>
      <c r="F364" s="46">
        <v>0</v>
      </c>
      <c r="G364" s="46">
        <v>22.2</v>
      </c>
      <c r="H364" s="46">
        <v>9.5</v>
      </c>
      <c r="I364" s="46">
        <v>3.2</v>
      </c>
      <c r="J364" s="46">
        <v>6.3</v>
      </c>
      <c r="K364" s="46">
        <v>3.2</v>
      </c>
      <c r="L364" s="46">
        <v>22.2</v>
      </c>
      <c r="M364" s="46">
        <v>9.5</v>
      </c>
      <c r="N364" s="46">
        <v>14.3</v>
      </c>
      <c r="O364" s="47">
        <v>0</v>
      </c>
    </row>
    <row r="365" spans="1:25" ht="21.6" x14ac:dyDescent="0.2">
      <c r="B365" s="76"/>
      <c r="C365" s="39" t="s">
        <v>47</v>
      </c>
      <c r="D365" s="45">
        <v>93</v>
      </c>
      <c r="E365" s="46">
        <v>12.9</v>
      </c>
      <c r="F365" s="46">
        <v>5.4</v>
      </c>
      <c r="G365" s="46">
        <v>19.399999999999999</v>
      </c>
      <c r="H365" s="46">
        <v>7.5</v>
      </c>
      <c r="I365" s="46">
        <v>3.2</v>
      </c>
      <c r="J365" s="46">
        <v>4.3</v>
      </c>
      <c r="K365" s="46">
        <v>5.4</v>
      </c>
      <c r="L365" s="46">
        <v>17.2</v>
      </c>
      <c r="M365" s="46">
        <v>6.5</v>
      </c>
      <c r="N365" s="46">
        <v>18.3</v>
      </c>
      <c r="O365" s="47">
        <v>0</v>
      </c>
    </row>
    <row r="366" spans="1:25" ht="21.6" x14ac:dyDescent="0.2">
      <c r="B366" s="76"/>
      <c r="C366" s="39" t="s">
        <v>48</v>
      </c>
      <c r="D366" s="45">
        <v>101</v>
      </c>
      <c r="E366" s="46">
        <v>5</v>
      </c>
      <c r="F366" s="46">
        <v>0</v>
      </c>
      <c r="G366" s="46">
        <v>25.7</v>
      </c>
      <c r="H366" s="46">
        <v>3</v>
      </c>
      <c r="I366" s="46">
        <v>2</v>
      </c>
      <c r="J366" s="46">
        <v>7.9</v>
      </c>
      <c r="K366" s="46">
        <v>6.9</v>
      </c>
      <c r="L366" s="46">
        <v>19.8</v>
      </c>
      <c r="M366" s="46">
        <v>12.9</v>
      </c>
      <c r="N366" s="46">
        <v>15.8</v>
      </c>
      <c r="O366" s="47">
        <v>1</v>
      </c>
    </row>
    <row r="367" spans="1:25" ht="21.6" x14ac:dyDescent="0.2">
      <c r="B367" s="76"/>
      <c r="C367" s="39" t="s">
        <v>49</v>
      </c>
      <c r="D367" s="45">
        <v>77</v>
      </c>
      <c r="E367" s="46">
        <v>10.4</v>
      </c>
      <c r="F367" s="46">
        <v>2.6</v>
      </c>
      <c r="G367" s="46">
        <v>20.8</v>
      </c>
      <c r="H367" s="46">
        <v>1.3</v>
      </c>
      <c r="I367" s="46">
        <v>1.3</v>
      </c>
      <c r="J367" s="46">
        <v>5.2</v>
      </c>
      <c r="K367" s="46">
        <v>2.6</v>
      </c>
      <c r="L367" s="46">
        <v>22.1</v>
      </c>
      <c r="M367" s="46">
        <v>9.1</v>
      </c>
      <c r="N367" s="46">
        <v>23.4</v>
      </c>
      <c r="O367" s="47">
        <v>1.3</v>
      </c>
    </row>
    <row r="368" spans="1:25" ht="21.6" x14ac:dyDescent="0.2">
      <c r="B368" s="76"/>
      <c r="C368" s="39" t="s">
        <v>50</v>
      </c>
      <c r="D368" s="45">
        <v>54</v>
      </c>
      <c r="E368" s="46">
        <v>5.6</v>
      </c>
      <c r="F368" s="46">
        <v>0</v>
      </c>
      <c r="G368" s="46">
        <v>37</v>
      </c>
      <c r="H368" s="46">
        <v>1.9</v>
      </c>
      <c r="I368" s="46">
        <v>0</v>
      </c>
      <c r="J368" s="46">
        <v>1.9</v>
      </c>
      <c r="K368" s="46">
        <v>3.7</v>
      </c>
      <c r="L368" s="46">
        <v>24.1</v>
      </c>
      <c r="M368" s="46">
        <v>9.3000000000000007</v>
      </c>
      <c r="N368" s="46">
        <v>14.8</v>
      </c>
      <c r="O368" s="47">
        <v>1.9</v>
      </c>
    </row>
    <row r="369" spans="1:25" ht="21.6" x14ac:dyDescent="0.2">
      <c r="B369" s="76"/>
      <c r="C369" s="39" t="s">
        <v>51</v>
      </c>
      <c r="D369" s="45">
        <v>49</v>
      </c>
      <c r="E369" s="46">
        <v>6.1</v>
      </c>
      <c r="F369" s="46">
        <v>2</v>
      </c>
      <c r="G369" s="46">
        <v>28.6</v>
      </c>
      <c r="H369" s="46">
        <v>8.1999999999999993</v>
      </c>
      <c r="I369" s="46">
        <v>0</v>
      </c>
      <c r="J369" s="46">
        <v>0</v>
      </c>
      <c r="K369" s="46">
        <v>4.0999999999999996</v>
      </c>
      <c r="L369" s="46">
        <v>20.399999999999999</v>
      </c>
      <c r="M369" s="46">
        <v>6.1</v>
      </c>
      <c r="N369" s="46">
        <v>24.5</v>
      </c>
      <c r="O369" s="47">
        <v>0</v>
      </c>
    </row>
    <row r="370" spans="1:25" ht="21.6" x14ac:dyDescent="0.2">
      <c r="B370" s="76"/>
      <c r="C370" s="39" t="s">
        <v>52</v>
      </c>
      <c r="D370" s="45">
        <v>39</v>
      </c>
      <c r="E370" s="46">
        <v>5.0999999999999996</v>
      </c>
      <c r="F370" s="46">
        <v>0</v>
      </c>
      <c r="G370" s="46">
        <v>15.4</v>
      </c>
      <c r="H370" s="46">
        <v>5.0999999999999996</v>
      </c>
      <c r="I370" s="46">
        <v>2.6</v>
      </c>
      <c r="J370" s="46">
        <v>17.899999999999999</v>
      </c>
      <c r="K370" s="46">
        <v>2.6</v>
      </c>
      <c r="L370" s="46">
        <v>15.4</v>
      </c>
      <c r="M370" s="46">
        <v>15.4</v>
      </c>
      <c r="N370" s="46">
        <v>20.5</v>
      </c>
      <c r="O370" s="47">
        <v>0</v>
      </c>
    </row>
    <row r="371" spans="1:25" x14ac:dyDescent="0.2">
      <c r="B371" s="76"/>
      <c r="C371" s="39" t="s">
        <v>53</v>
      </c>
      <c r="D371" s="45">
        <v>41</v>
      </c>
      <c r="E371" s="46">
        <v>19.5</v>
      </c>
      <c r="F371" s="46">
        <v>2.4</v>
      </c>
      <c r="G371" s="46">
        <v>9.8000000000000007</v>
      </c>
      <c r="H371" s="46">
        <v>7.3</v>
      </c>
      <c r="I371" s="46">
        <v>2.4</v>
      </c>
      <c r="J371" s="46">
        <v>9.8000000000000007</v>
      </c>
      <c r="K371" s="46">
        <v>12.2</v>
      </c>
      <c r="L371" s="46">
        <v>17.100000000000001</v>
      </c>
      <c r="M371" s="46">
        <v>2.4</v>
      </c>
      <c r="N371" s="46">
        <v>14.6</v>
      </c>
      <c r="O371" s="47">
        <v>2.4</v>
      </c>
    </row>
    <row r="372" spans="1:25" ht="21.6" x14ac:dyDescent="0.2">
      <c r="B372" s="76"/>
      <c r="C372" s="39" t="s">
        <v>54</v>
      </c>
      <c r="D372" s="45">
        <v>147</v>
      </c>
      <c r="E372" s="46">
        <v>8.1999999999999993</v>
      </c>
      <c r="F372" s="46">
        <v>2.7</v>
      </c>
      <c r="G372" s="46">
        <v>17</v>
      </c>
      <c r="H372" s="46">
        <v>7.5</v>
      </c>
      <c r="I372" s="46">
        <v>2</v>
      </c>
      <c r="J372" s="46">
        <v>4.8</v>
      </c>
      <c r="K372" s="46">
        <v>4.8</v>
      </c>
      <c r="L372" s="46">
        <v>28.6</v>
      </c>
      <c r="M372" s="46">
        <v>8.1999999999999993</v>
      </c>
      <c r="N372" s="46">
        <v>15.6</v>
      </c>
      <c r="O372" s="47">
        <v>0.7</v>
      </c>
    </row>
    <row r="373" spans="1:25" ht="21.6" x14ac:dyDescent="0.2">
      <c r="B373" s="76"/>
      <c r="C373" s="39" t="s">
        <v>55</v>
      </c>
      <c r="D373" s="45">
        <v>225</v>
      </c>
      <c r="E373" s="46">
        <v>5.8</v>
      </c>
      <c r="F373" s="46">
        <v>1.8</v>
      </c>
      <c r="G373" s="46">
        <v>35.6</v>
      </c>
      <c r="H373" s="46">
        <v>3.6</v>
      </c>
      <c r="I373" s="46">
        <v>1.8</v>
      </c>
      <c r="J373" s="46">
        <v>1.8</v>
      </c>
      <c r="K373" s="46">
        <v>2.7</v>
      </c>
      <c r="L373" s="46">
        <v>18.7</v>
      </c>
      <c r="M373" s="46">
        <v>10.199999999999999</v>
      </c>
      <c r="N373" s="46">
        <v>17.8</v>
      </c>
      <c r="O373" s="47">
        <v>0.4</v>
      </c>
    </row>
    <row r="374" spans="1:25" ht="21.6" x14ac:dyDescent="0.2">
      <c r="B374" s="76"/>
      <c r="C374" s="39" t="s">
        <v>56</v>
      </c>
      <c r="D374" s="45">
        <v>258</v>
      </c>
      <c r="E374" s="46">
        <v>5.8</v>
      </c>
      <c r="F374" s="46">
        <v>2.7</v>
      </c>
      <c r="G374" s="46">
        <v>32.9</v>
      </c>
      <c r="H374" s="46">
        <v>5</v>
      </c>
      <c r="I374" s="46">
        <v>1.6</v>
      </c>
      <c r="J374" s="46">
        <v>5</v>
      </c>
      <c r="K374" s="46">
        <v>2.2999999999999998</v>
      </c>
      <c r="L374" s="46">
        <v>19</v>
      </c>
      <c r="M374" s="46">
        <v>10.1</v>
      </c>
      <c r="N374" s="46">
        <v>15.1</v>
      </c>
      <c r="O374" s="47">
        <v>0.4</v>
      </c>
    </row>
    <row r="375" spans="1:25" x14ac:dyDescent="0.2">
      <c r="B375" s="76"/>
      <c r="C375" s="40" t="s">
        <v>57</v>
      </c>
      <c r="D375" s="48">
        <v>176</v>
      </c>
      <c r="E375" s="49">
        <v>10.8</v>
      </c>
      <c r="F375" s="49">
        <v>1.1000000000000001</v>
      </c>
      <c r="G375" s="49">
        <v>17</v>
      </c>
      <c r="H375" s="49">
        <v>5.0999999999999996</v>
      </c>
      <c r="I375" s="49">
        <v>2.8</v>
      </c>
      <c r="J375" s="49">
        <v>4.5</v>
      </c>
      <c r="K375" s="49">
        <v>6.3</v>
      </c>
      <c r="L375" s="49">
        <v>24.4</v>
      </c>
      <c r="M375" s="49">
        <v>8.5</v>
      </c>
      <c r="N375" s="49">
        <v>18.2</v>
      </c>
      <c r="O375" s="50">
        <v>1.1000000000000001</v>
      </c>
    </row>
    <row r="377" spans="1:25" x14ac:dyDescent="0.2">
      <c r="C377" t="s">
        <v>35</v>
      </c>
    </row>
    <row r="378" spans="1:25" x14ac:dyDescent="0.2">
      <c r="B378" s="74" t="s">
        <v>184</v>
      </c>
      <c r="C378" s="75"/>
      <c r="D378" s="75"/>
      <c r="E378" s="75"/>
      <c r="F378" s="75"/>
      <c r="G378" s="75"/>
      <c r="H378" s="75"/>
      <c r="I378" s="75"/>
      <c r="J378" s="75"/>
      <c r="K378" s="75"/>
      <c r="L378" s="75"/>
      <c r="M378" s="75"/>
      <c r="N378" s="75"/>
      <c r="O378" s="75"/>
      <c r="P378" s="75"/>
      <c r="Q378" s="75"/>
      <c r="R378" s="75"/>
      <c r="S378" s="75"/>
      <c r="T378" s="75"/>
      <c r="U378" s="75"/>
      <c r="V378" s="75"/>
      <c r="W378" s="75"/>
      <c r="X378" s="75"/>
      <c r="Y378" s="75"/>
    </row>
    <row r="379" spans="1:25" s="32" customFormat="1" ht="101.25" customHeight="1" x14ac:dyDescent="0.15">
      <c r="A379" s="31"/>
      <c r="D379" s="33" t="s">
        <v>242</v>
      </c>
      <c r="E379" s="35" t="s">
        <v>254</v>
      </c>
      <c r="F379" s="36" t="s">
        <v>255</v>
      </c>
      <c r="G379" s="36" t="s">
        <v>256</v>
      </c>
      <c r="H379" s="36" t="s">
        <v>257</v>
      </c>
      <c r="I379" s="36" t="s">
        <v>258</v>
      </c>
      <c r="J379" s="36" t="s">
        <v>259</v>
      </c>
      <c r="K379" s="36" t="s">
        <v>260</v>
      </c>
      <c r="L379" s="36" t="s">
        <v>261</v>
      </c>
      <c r="M379" s="36" t="s">
        <v>262</v>
      </c>
      <c r="N379" s="36" t="s">
        <v>263</v>
      </c>
      <c r="O379" s="37" t="s">
        <v>264</v>
      </c>
      <c r="P379" s="34" t="s">
        <v>251</v>
      </c>
    </row>
    <row r="380" spans="1:25" ht="21.6" x14ac:dyDescent="0.2">
      <c r="B380" s="76" t="s">
        <v>37</v>
      </c>
      <c r="C380" s="38" t="s">
        <v>58</v>
      </c>
      <c r="D380" s="51">
        <v>199</v>
      </c>
      <c r="E380" s="52">
        <v>7.5</v>
      </c>
      <c r="F380" s="52">
        <v>3.5</v>
      </c>
      <c r="G380" s="52">
        <v>32.700000000000003</v>
      </c>
      <c r="H380" s="52">
        <v>5</v>
      </c>
      <c r="I380" s="52">
        <v>2</v>
      </c>
      <c r="J380" s="52">
        <v>7.5</v>
      </c>
      <c r="K380" s="52">
        <v>2.5</v>
      </c>
      <c r="L380" s="52">
        <v>19.100000000000001</v>
      </c>
      <c r="M380" s="52">
        <v>10.6</v>
      </c>
      <c r="N380" s="52">
        <v>9</v>
      </c>
      <c r="O380" s="53">
        <v>0.5</v>
      </c>
    </row>
    <row r="381" spans="1:25" ht="21.6" x14ac:dyDescent="0.2">
      <c r="B381" s="76"/>
      <c r="C381" s="39" t="s">
        <v>59</v>
      </c>
      <c r="D381" s="45">
        <v>287</v>
      </c>
      <c r="E381" s="46">
        <v>8.6999999999999993</v>
      </c>
      <c r="F381" s="46">
        <v>0.7</v>
      </c>
      <c r="G381" s="46">
        <v>20.2</v>
      </c>
      <c r="H381" s="46">
        <v>5.6</v>
      </c>
      <c r="I381" s="46">
        <v>1.7</v>
      </c>
      <c r="J381" s="46">
        <v>2.4</v>
      </c>
      <c r="K381" s="46">
        <v>5.2</v>
      </c>
      <c r="L381" s="46">
        <v>23.7</v>
      </c>
      <c r="M381" s="46">
        <v>8.4</v>
      </c>
      <c r="N381" s="46">
        <v>22.6</v>
      </c>
      <c r="O381" s="47">
        <v>0.7</v>
      </c>
    </row>
    <row r="382" spans="1:25" x14ac:dyDescent="0.2">
      <c r="B382" s="76"/>
      <c r="C382" s="39" t="s">
        <v>60</v>
      </c>
      <c r="D382" s="45">
        <v>351</v>
      </c>
      <c r="E382" s="46">
        <v>7.1</v>
      </c>
      <c r="F382" s="46">
        <v>2.2999999999999998</v>
      </c>
      <c r="G382" s="46">
        <v>25.9</v>
      </c>
      <c r="H382" s="46">
        <v>5.7</v>
      </c>
      <c r="I382" s="46">
        <v>1.4</v>
      </c>
      <c r="J382" s="46">
        <v>3.7</v>
      </c>
      <c r="K382" s="46">
        <v>4.3</v>
      </c>
      <c r="L382" s="46">
        <v>23.6</v>
      </c>
      <c r="M382" s="46">
        <v>8.3000000000000007</v>
      </c>
      <c r="N382" s="46">
        <v>17.100000000000001</v>
      </c>
      <c r="O382" s="47">
        <v>0.6</v>
      </c>
    </row>
    <row r="383" spans="1:25" x14ac:dyDescent="0.2">
      <c r="B383" s="76"/>
      <c r="C383" s="39" t="s">
        <v>61</v>
      </c>
      <c r="D383" s="45">
        <v>135</v>
      </c>
      <c r="E383" s="46">
        <v>11.1</v>
      </c>
      <c r="F383" s="46">
        <v>0.7</v>
      </c>
      <c r="G383" s="46">
        <v>23.7</v>
      </c>
      <c r="H383" s="46">
        <v>4.4000000000000004</v>
      </c>
      <c r="I383" s="46">
        <v>3</v>
      </c>
      <c r="J383" s="46">
        <v>6.7</v>
      </c>
      <c r="K383" s="46">
        <v>3.7</v>
      </c>
      <c r="L383" s="46">
        <v>17</v>
      </c>
      <c r="M383" s="46">
        <v>11.9</v>
      </c>
      <c r="N383" s="46">
        <v>17</v>
      </c>
      <c r="O383" s="47">
        <v>0.7</v>
      </c>
    </row>
    <row r="384" spans="1:25" x14ac:dyDescent="0.2">
      <c r="B384" s="76"/>
      <c r="C384" s="39" t="s">
        <v>62</v>
      </c>
      <c r="D384" s="45">
        <v>320</v>
      </c>
      <c r="E384" s="46">
        <v>6.9</v>
      </c>
      <c r="F384" s="46">
        <v>1.9</v>
      </c>
      <c r="G384" s="46">
        <v>27.2</v>
      </c>
      <c r="H384" s="46">
        <v>4.0999999999999996</v>
      </c>
      <c r="I384" s="46">
        <v>2.5</v>
      </c>
      <c r="J384" s="46">
        <v>4.7</v>
      </c>
      <c r="K384" s="46">
        <v>5</v>
      </c>
      <c r="L384" s="46">
        <v>19.7</v>
      </c>
      <c r="M384" s="46">
        <v>10</v>
      </c>
      <c r="N384" s="46">
        <v>17.5</v>
      </c>
      <c r="O384" s="47">
        <v>0.6</v>
      </c>
    </row>
    <row r="385" spans="2:15" ht="21.6" x14ac:dyDescent="0.2">
      <c r="B385" s="76"/>
      <c r="C385" s="39" t="s">
        <v>63</v>
      </c>
      <c r="D385" s="45">
        <v>48</v>
      </c>
      <c r="E385" s="46">
        <v>6.3</v>
      </c>
      <c r="F385" s="46">
        <v>4.2</v>
      </c>
      <c r="G385" s="46">
        <v>16.7</v>
      </c>
      <c r="H385" s="46">
        <v>8.3000000000000007</v>
      </c>
      <c r="I385" s="46">
        <v>4.2</v>
      </c>
      <c r="J385" s="46">
        <v>10.4</v>
      </c>
      <c r="K385" s="46">
        <v>4.2</v>
      </c>
      <c r="L385" s="46">
        <v>20.8</v>
      </c>
      <c r="M385" s="46">
        <v>12.5</v>
      </c>
      <c r="N385" s="46">
        <v>10.4</v>
      </c>
      <c r="O385" s="47">
        <v>2.1</v>
      </c>
    </row>
    <row r="386" spans="2:15" x14ac:dyDescent="0.2">
      <c r="B386" s="76"/>
      <c r="C386" s="39" t="s">
        <v>64</v>
      </c>
      <c r="D386" s="45">
        <v>80</v>
      </c>
      <c r="E386" s="46">
        <v>13.8</v>
      </c>
      <c r="F386" s="46">
        <v>3.8</v>
      </c>
      <c r="G386" s="46">
        <v>26.3</v>
      </c>
      <c r="H386" s="46">
        <v>1.3</v>
      </c>
      <c r="I386" s="46">
        <v>2.5</v>
      </c>
      <c r="J386" s="46">
        <v>2.5</v>
      </c>
      <c r="K386" s="46">
        <v>5</v>
      </c>
      <c r="L386" s="46">
        <v>17.5</v>
      </c>
      <c r="M386" s="46">
        <v>7.5</v>
      </c>
      <c r="N386" s="46">
        <v>20</v>
      </c>
      <c r="O386" s="47">
        <v>0</v>
      </c>
    </row>
    <row r="387" spans="2:15" x14ac:dyDescent="0.2">
      <c r="B387" s="76"/>
      <c r="C387" s="39" t="s">
        <v>65</v>
      </c>
      <c r="D387" s="45">
        <v>91</v>
      </c>
      <c r="E387" s="46">
        <v>5.5</v>
      </c>
      <c r="F387" s="46">
        <v>1.1000000000000001</v>
      </c>
      <c r="G387" s="46">
        <v>28.6</v>
      </c>
      <c r="H387" s="46">
        <v>3.3</v>
      </c>
      <c r="I387" s="46">
        <v>3.3</v>
      </c>
      <c r="J387" s="46">
        <v>7.7</v>
      </c>
      <c r="K387" s="46">
        <v>6.6</v>
      </c>
      <c r="L387" s="46">
        <v>18.7</v>
      </c>
      <c r="M387" s="46">
        <v>8.8000000000000007</v>
      </c>
      <c r="N387" s="46">
        <v>15.4</v>
      </c>
      <c r="O387" s="47">
        <v>1.1000000000000001</v>
      </c>
    </row>
    <row r="388" spans="2:15" x14ac:dyDescent="0.2">
      <c r="B388" s="76"/>
      <c r="C388" s="39" t="s">
        <v>66</v>
      </c>
      <c r="D388" s="45">
        <v>77</v>
      </c>
      <c r="E388" s="46">
        <v>2.6</v>
      </c>
      <c r="F388" s="46">
        <v>0</v>
      </c>
      <c r="G388" s="46">
        <v>33.799999999999997</v>
      </c>
      <c r="H388" s="46">
        <v>3.9</v>
      </c>
      <c r="I388" s="46">
        <v>1.3</v>
      </c>
      <c r="J388" s="46">
        <v>1.3</v>
      </c>
      <c r="K388" s="46">
        <v>3.9</v>
      </c>
      <c r="L388" s="46">
        <v>20.8</v>
      </c>
      <c r="M388" s="46">
        <v>14.3</v>
      </c>
      <c r="N388" s="46">
        <v>18.2</v>
      </c>
      <c r="O388" s="47">
        <v>0</v>
      </c>
    </row>
    <row r="389" spans="2:15" x14ac:dyDescent="0.2">
      <c r="B389" s="76"/>
      <c r="C389" s="39" t="s">
        <v>67</v>
      </c>
      <c r="D389" s="45">
        <v>24</v>
      </c>
      <c r="E389" s="46">
        <v>4.2</v>
      </c>
      <c r="F389" s="46">
        <v>0</v>
      </c>
      <c r="G389" s="46">
        <v>25</v>
      </c>
      <c r="H389" s="46">
        <v>8.3000000000000007</v>
      </c>
      <c r="I389" s="46">
        <v>0</v>
      </c>
      <c r="J389" s="46">
        <v>0</v>
      </c>
      <c r="K389" s="46">
        <v>4.2</v>
      </c>
      <c r="L389" s="46">
        <v>25</v>
      </c>
      <c r="M389" s="46">
        <v>4.2</v>
      </c>
      <c r="N389" s="46">
        <v>29.2</v>
      </c>
      <c r="O389" s="47">
        <v>0</v>
      </c>
    </row>
    <row r="390" spans="2:15" x14ac:dyDescent="0.2">
      <c r="B390" s="76"/>
      <c r="C390" s="39" t="s">
        <v>68</v>
      </c>
      <c r="D390" s="45">
        <v>296</v>
      </c>
      <c r="E390" s="46">
        <v>7.1</v>
      </c>
      <c r="F390" s="46">
        <v>2</v>
      </c>
      <c r="G390" s="46">
        <v>27.7</v>
      </c>
      <c r="H390" s="46">
        <v>3.7</v>
      </c>
      <c r="I390" s="46">
        <v>2.7</v>
      </c>
      <c r="J390" s="46">
        <v>5.0999999999999996</v>
      </c>
      <c r="K390" s="46">
        <v>5.0999999999999996</v>
      </c>
      <c r="L390" s="46">
        <v>18.899999999999999</v>
      </c>
      <c r="M390" s="46">
        <v>9.8000000000000007</v>
      </c>
      <c r="N390" s="46">
        <v>17.2</v>
      </c>
      <c r="O390" s="47">
        <v>0.7</v>
      </c>
    </row>
    <row r="391" spans="2:15" x14ac:dyDescent="0.2">
      <c r="B391" s="76"/>
      <c r="C391" s="39" t="s">
        <v>69</v>
      </c>
      <c r="D391" s="45">
        <v>24</v>
      </c>
      <c r="E391" s="46">
        <v>4.2</v>
      </c>
      <c r="F391" s="46">
        <v>0</v>
      </c>
      <c r="G391" s="46">
        <v>20.8</v>
      </c>
      <c r="H391" s="46">
        <v>8.3000000000000007</v>
      </c>
      <c r="I391" s="46">
        <v>0</v>
      </c>
      <c r="J391" s="46">
        <v>0</v>
      </c>
      <c r="K391" s="46">
        <v>4.2</v>
      </c>
      <c r="L391" s="46">
        <v>29.2</v>
      </c>
      <c r="M391" s="46">
        <v>12.5</v>
      </c>
      <c r="N391" s="46">
        <v>20.8</v>
      </c>
      <c r="O391" s="47">
        <v>0</v>
      </c>
    </row>
    <row r="392" spans="2:15" x14ac:dyDescent="0.2">
      <c r="B392" s="76"/>
      <c r="C392" s="39" t="s">
        <v>70</v>
      </c>
      <c r="D392" s="45">
        <v>166</v>
      </c>
      <c r="E392" s="46">
        <v>10.8</v>
      </c>
      <c r="F392" s="46">
        <v>1.8</v>
      </c>
      <c r="G392" s="46">
        <v>21.7</v>
      </c>
      <c r="H392" s="46">
        <v>7.8</v>
      </c>
      <c r="I392" s="46">
        <v>0.6</v>
      </c>
      <c r="J392" s="46">
        <v>4.2</v>
      </c>
      <c r="K392" s="46">
        <v>2.4</v>
      </c>
      <c r="L392" s="46">
        <v>25.9</v>
      </c>
      <c r="M392" s="46">
        <v>7.8</v>
      </c>
      <c r="N392" s="46">
        <v>16.3</v>
      </c>
      <c r="O392" s="47">
        <v>0.6</v>
      </c>
    </row>
    <row r="393" spans="2:15" ht="21.6" x14ac:dyDescent="0.2">
      <c r="B393" s="76"/>
      <c r="C393" s="39" t="s">
        <v>63</v>
      </c>
      <c r="D393" s="45">
        <v>46</v>
      </c>
      <c r="E393" s="46">
        <v>2.2000000000000002</v>
      </c>
      <c r="F393" s="46">
        <v>2.2000000000000002</v>
      </c>
      <c r="G393" s="46">
        <v>26.1</v>
      </c>
      <c r="H393" s="46">
        <v>8.6999999999999993</v>
      </c>
      <c r="I393" s="46">
        <v>2.2000000000000002</v>
      </c>
      <c r="J393" s="46">
        <v>4.3</v>
      </c>
      <c r="K393" s="46">
        <v>4.3</v>
      </c>
      <c r="L393" s="46">
        <v>30.4</v>
      </c>
      <c r="M393" s="46">
        <v>8.6999999999999993</v>
      </c>
      <c r="N393" s="46">
        <v>10.9</v>
      </c>
      <c r="O393" s="47">
        <v>0</v>
      </c>
    </row>
    <row r="394" spans="2:15" x14ac:dyDescent="0.2">
      <c r="B394" s="76"/>
      <c r="C394" s="39" t="s">
        <v>64</v>
      </c>
      <c r="D394" s="45">
        <v>41</v>
      </c>
      <c r="E394" s="46">
        <v>17.100000000000001</v>
      </c>
      <c r="F394" s="46">
        <v>0</v>
      </c>
      <c r="G394" s="46">
        <v>22</v>
      </c>
      <c r="H394" s="46">
        <v>7.3</v>
      </c>
      <c r="I394" s="46">
        <v>0</v>
      </c>
      <c r="J394" s="46">
        <v>4.9000000000000004</v>
      </c>
      <c r="K394" s="46">
        <v>0</v>
      </c>
      <c r="L394" s="46">
        <v>31.7</v>
      </c>
      <c r="M394" s="46">
        <v>9.8000000000000007</v>
      </c>
      <c r="N394" s="46">
        <v>7.3</v>
      </c>
      <c r="O394" s="47">
        <v>0</v>
      </c>
    </row>
    <row r="395" spans="2:15" x14ac:dyDescent="0.2">
      <c r="B395" s="76"/>
      <c r="C395" s="39" t="s">
        <v>65</v>
      </c>
      <c r="D395" s="45">
        <v>43</v>
      </c>
      <c r="E395" s="46">
        <v>18.600000000000001</v>
      </c>
      <c r="F395" s="46">
        <v>2.2999999999999998</v>
      </c>
      <c r="G395" s="46">
        <v>18.600000000000001</v>
      </c>
      <c r="H395" s="46">
        <v>9.3000000000000007</v>
      </c>
      <c r="I395" s="46">
        <v>0</v>
      </c>
      <c r="J395" s="46">
        <v>7</v>
      </c>
      <c r="K395" s="46">
        <v>2.2999999999999998</v>
      </c>
      <c r="L395" s="46">
        <v>16.3</v>
      </c>
      <c r="M395" s="46">
        <v>7</v>
      </c>
      <c r="N395" s="46">
        <v>16.3</v>
      </c>
      <c r="O395" s="47">
        <v>2.2999999999999998</v>
      </c>
    </row>
    <row r="396" spans="2:15" x14ac:dyDescent="0.2">
      <c r="B396" s="76"/>
      <c r="C396" s="39" t="s">
        <v>66</v>
      </c>
      <c r="D396" s="45">
        <v>29</v>
      </c>
      <c r="E396" s="46">
        <v>0</v>
      </c>
      <c r="F396" s="46">
        <v>3.4</v>
      </c>
      <c r="G396" s="46">
        <v>24.1</v>
      </c>
      <c r="H396" s="46">
        <v>6.9</v>
      </c>
      <c r="I396" s="46">
        <v>0</v>
      </c>
      <c r="J396" s="46">
        <v>0</v>
      </c>
      <c r="K396" s="46">
        <v>3.4</v>
      </c>
      <c r="L396" s="46">
        <v>24.1</v>
      </c>
      <c r="M396" s="46">
        <v>3.4</v>
      </c>
      <c r="N396" s="46">
        <v>34.5</v>
      </c>
      <c r="O396" s="47">
        <v>0</v>
      </c>
    </row>
    <row r="397" spans="2:15" x14ac:dyDescent="0.2">
      <c r="B397" s="76"/>
      <c r="C397" s="39" t="s">
        <v>67</v>
      </c>
      <c r="D397" s="45">
        <v>7</v>
      </c>
      <c r="E397" s="46">
        <v>28.6</v>
      </c>
      <c r="F397" s="46">
        <v>0</v>
      </c>
      <c r="G397" s="46">
        <v>0</v>
      </c>
      <c r="H397" s="46">
        <v>0</v>
      </c>
      <c r="I397" s="46">
        <v>0</v>
      </c>
      <c r="J397" s="46">
        <v>0</v>
      </c>
      <c r="K397" s="46">
        <v>0</v>
      </c>
      <c r="L397" s="46">
        <v>28.6</v>
      </c>
      <c r="M397" s="46">
        <v>14.3</v>
      </c>
      <c r="N397" s="46">
        <v>28.6</v>
      </c>
      <c r="O397" s="47">
        <v>0</v>
      </c>
    </row>
    <row r="398" spans="2:15" x14ac:dyDescent="0.2">
      <c r="B398" s="76"/>
      <c r="C398" s="39" t="s">
        <v>68</v>
      </c>
      <c r="D398" s="45">
        <v>131</v>
      </c>
      <c r="E398" s="46">
        <v>12.2</v>
      </c>
      <c r="F398" s="46">
        <v>2.2999999999999998</v>
      </c>
      <c r="G398" s="46">
        <v>24.4</v>
      </c>
      <c r="H398" s="46">
        <v>6.1</v>
      </c>
      <c r="I398" s="46">
        <v>0.8</v>
      </c>
      <c r="J398" s="46">
        <v>5.3</v>
      </c>
      <c r="K398" s="46">
        <v>2.2999999999999998</v>
      </c>
      <c r="L398" s="46">
        <v>26</v>
      </c>
      <c r="M398" s="46">
        <v>7.6</v>
      </c>
      <c r="N398" s="46">
        <v>12.2</v>
      </c>
      <c r="O398" s="47">
        <v>0.8</v>
      </c>
    </row>
    <row r="399" spans="2:15" x14ac:dyDescent="0.2">
      <c r="B399" s="76"/>
      <c r="C399" s="40" t="s">
        <v>69</v>
      </c>
      <c r="D399" s="48">
        <v>35</v>
      </c>
      <c r="E399" s="49">
        <v>5.7</v>
      </c>
      <c r="F399" s="49">
        <v>0</v>
      </c>
      <c r="G399" s="49">
        <v>11.4</v>
      </c>
      <c r="H399" s="49">
        <v>14.3</v>
      </c>
      <c r="I399" s="49">
        <v>0</v>
      </c>
      <c r="J399" s="49">
        <v>0</v>
      </c>
      <c r="K399" s="49">
        <v>2.9</v>
      </c>
      <c r="L399" s="49">
        <v>25.7</v>
      </c>
      <c r="M399" s="49">
        <v>8.6</v>
      </c>
      <c r="N399" s="49">
        <v>31.4</v>
      </c>
      <c r="O399" s="50">
        <v>0</v>
      </c>
    </row>
    <row r="401" spans="1:25" x14ac:dyDescent="0.2">
      <c r="A401" s="26" t="s">
        <v>25</v>
      </c>
      <c r="B401" t="s">
        <v>35</v>
      </c>
      <c r="C401" t="s">
        <v>35</v>
      </c>
    </row>
    <row r="402" spans="1:25" x14ac:dyDescent="0.2">
      <c r="B402" s="74" t="s">
        <v>84</v>
      </c>
      <c r="C402" s="75"/>
      <c r="D402" s="75"/>
      <c r="E402" s="75"/>
      <c r="F402" s="75"/>
      <c r="G402" s="75"/>
      <c r="H402" s="75"/>
      <c r="I402" s="75"/>
      <c r="J402" s="75"/>
      <c r="K402" s="75"/>
      <c r="L402" s="75"/>
      <c r="M402" s="75"/>
      <c r="N402" s="75"/>
      <c r="O402" s="75"/>
      <c r="P402" s="75"/>
      <c r="Q402" s="75"/>
      <c r="R402" s="75"/>
      <c r="S402" s="75"/>
      <c r="T402" s="75"/>
      <c r="U402" s="75"/>
      <c r="V402" s="75"/>
      <c r="W402" s="75"/>
      <c r="X402" s="75"/>
      <c r="Y402" s="75"/>
    </row>
    <row r="403" spans="1:25" s="32" customFormat="1" ht="101.25" customHeight="1" x14ac:dyDescent="0.15">
      <c r="A403" s="31"/>
      <c r="D403" s="33" t="s">
        <v>242</v>
      </c>
      <c r="E403" s="35" t="s">
        <v>267</v>
      </c>
      <c r="F403" s="36" t="s">
        <v>268</v>
      </c>
      <c r="G403" s="36" t="s">
        <v>269</v>
      </c>
      <c r="H403" s="36" t="s">
        <v>270</v>
      </c>
      <c r="I403" s="36" t="s">
        <v>271</v>
      </c>
      <c r="J403" s="36" t="s">
        <v>272</v>
      </c>
      <c r="K403" s="36" t="s">
        <v>273</v>
      </c>
      <c r="L403" s="36" t="s">
        <v>274</v>
      </c>
      <c r="M403" s="36" t="s">
        <v>275</v>
      </c>
      <c r="N403" s="37" t="s">
        <v>276</v>
      </c>
      <c r="O403" s="34" t="s">
        <v>251</v>
      </c>
    </row>
    <row r="404" spans="1:25" x14ac:dyDescent="0.2">
      <c r="B404" s="5"/>
      <c r="C404" s="41" t="s">
        <v>38</v>
      </c>
      <c r="D404" s="42">
        <v>2000</v>
      </c>
      <c r="E404" s="43">
        <v>26.9</v>
      </c>
      <c r="F404" s="43">
        <v>7</v>
      </c>
      <c r="G404" s="43">
        <v>11.4</v>
      </c>
      <c r="H404" s="43">
        <v>9.5</v>
      </c>
      <c r="I404" s="43">
        <v>4.5</v>
      </c>
      <c r="J404" s="43">
        <v>16.5</v>
      </c>
      <c r="K404" s="43">
        <v>11.3</v>
      </c>
      <c r="L404" s="43">
        <v>4</v>
      </c>
      <c r="M404" s="43">
        <v>26.5</v>
      </c>
      <c r="N404" s="44">
        <v>30.9</v>
      </c>
    </row>
    <row r="405" spans="1:25" x14ac:dyDescent="0.2">
      <c r="B405" s="76" t="s">
        <v>37</v>
      </c>
      <c r="C405" s="39" t="s">
        <v>39</v>
      </c>
      <c r="D405" s="45">
        <v>111</v>
      </c>
      <c r="E405" s="46">
        <v>29.7</v>
      </c>
      <c r="F405" s="46">
        <v>4.5</v>
      </c>
      <c r="G405" s="46">
        <v>9</v>
      </c>
      <c r="H405" s="46">
        <v>14.4</v>
      </c>
      <c r="I405" s="46">
        <v>4.5</v>
      </c>
      <c r="J405" s="46">
        <v>14.4</v>
      </c>
      <c r="K405" s="46">
        <v>11.7</v>
      </c>
      <c r="L405" s="46">
        <v>3.6</v>
      </c>
      <c r="M405" s="46">
        <v>34.200000000000003</v>
      </c>
      <c r="N405" s="47">
        <v>20.7</v>
      </c>
    </row>
    <row r="406" spans="1:25" x14ac:dyDescent="0.2">
      <c r="B406" s="76"/>
      <c r="C406" s="39" t="s">
        <v>40</v>
      </c>
      <c r="D406" s="45">
        <v>450</v>
      </c>
      <c r="E406" s="46">
        <v>31.3</v>
      </c>
      <c r="F406" s="46">
        <v>6.2</v>
      </c>
      <c r="G406" s="46">
        <v>14.2</v>
      </c>
      <c r="H406" s="46">
        <v>12.4</v>
      </c>
      <c r="I406" s="46">
        <v>3.6</v>
      </c>
      <c r="J406" s="46">
        <v>22.2</v>
      </c>
      <c r="K406" s="46">
        <v>13.6</v>
      </c>
      <c r="L406" s="46">
        <v>4.9000000000000004</v>
      </c>
      <c r="M406" s="46">
        <v>25.1</v>
      </c>
      <c r="N406" s="47">
        <v>25.6</v>
      </c>
    </row>
    <row r="407" spans="1:25" ht="21.6" x14ac:dyDescent="0.2">
      <c r="B407" s="76"/>
      <c r="C407" s="39" t="s">
        <v>41</v>
      </c>
      <c r="D407" s="45">
        <v>30</v>
      </c>
      <c r="E407" s="46">
        <v>23.3</v>
      </c>
      <c r="F407" s="46">
        <v>3.3</v>
      </c>
      <c r="G407" s="46">
        <v>16.7</v>
      </c>
      <c r="H407" s="46">
        <v>16.7</v>
      </c>
      <c r="I407" s="46">
        <v>6.7</v>
      </c>
      <c r="J407" s="46">
        <v>23.3</v>
      </c>
      <c r="K407" s="46">
        <v>10</v>
      </c>
      <c r="L407" s="46">
        <v>10</v>
      </c>
      <c r="M407" s="46">
        <v>23.3</v>
      </c>
      <c r="N407" s="47">
        <v>33.299999999999997</v>
      </c>
    </row>
    <row r="408" spans="1:25" ht="21.6" x14ac:dyDescent="0.2">
      <c r="B408" s="76"/>
      <c r="C408" s="39" t="s">
        <v>42</v>
      </c>
      <c r="D408" s="45">
        <v>336</v>
      </c>
      <c r="E408" s="46">
        <v>30.4</v>
      </c>
      <c r="F408" s="46">
        <v>9.5</v>
      </c>
      <c r="G408" s="46">
        <v>11</v>
      </c>
      <c r="H408" s="46">
        <v>8.9</v>
      </c>
      <c r="I408" s="46">
        <v>6.3</v>
      </c>
      <c r="J408" s="46">
        <v>23.8</v>
      </c>
      <c r="K408" s="46">
        <v>14.6</v>
      </c>
      <c r="L408" s="46">
        <v>4.2</v>
      </c>
      <c r="M408" s="46">
        <v>22.9</v>
      </c>
      <c r="N408" s="47">
        <v>28</v>
      </c>
    </row>
    <row r="409" spans="1:25" ht="21.6" x14ac:dyDescent="0.2">
      <c r="B409" s="76"/>
      <c r="C409" s="39" t="s">
        <v>43</v>
      </c>
      <c r="D409" s="45">
        <v>327</v>
      </c>
      <c r="E409" s="46">
        <v>22.9</v>
      </c>
      <c r="F409" s="46">
        <v>7.3</v>
      </c>
      <c r="G409" s="46">
        <v>9.5</v>
      </c>
      <c r="H409" s="46">
        <v>6.7</v>
      </c>
      <c r="I409" s="46">
        <v>5.2</v>
      </c>
      <c r="J409" s="46">
        <v>7.6</v>
      </c>
      <c r="K409" s="46">
        <v>10.1</v>
      </c>
      <c r="L409" s="46">
        <v>3.4</v>
      </c>
      <c r="M409" s="46">
        <v>30</v>
      </c>
      <c r="N409" s="47">
        <v>36.700000000000003</v>
      </c>
    </row>
    <row r="410" spans="1:25" ht="21.6" x14ac:dyDescent="0.2">
      <c r="B410" s="76"/>
      <c r="C410" s="39" t="s">
        <v>44</v>
      </c>
      <c r="D410" s="45">
        <v>181</v>
      </c>
      <c r="E410" s="46">
        <v>30.9</v>
      </c>
      <c r="F410" s="46">
        <v>6.1</v>
      </c>
      <c r="G410" s="46">
        <v>16</v>
      </c>
      <c r="H410" s="46">
        <v>13.8</v>
      </c>
      <c r="I410" s="46">
        <v>3.9</v>
      </c>
      <c r="J410" s="46">
        <v>20.399999999999999</v>
      </c>
      <c r="K410" s="46">
        <v>15.5</v>
      </c>
      <c r="L410" s="46">
        <v>6.1</v>
      </c>
      <c r="M410" s="46">
        <v>20.399999999999999</v>
      </c>
      <c r="N410" s="47">
        <v>25.4</v>
      </c>
    </row>
    <row r="411" spans="1:25" ht="21.6" x14ac:dyDescent="0.2">
      <c r="B411" s="76"/>
      <c r="C411" s="39" t="s">
        <v>45</v>
      </c>
      <c r="D411" s="45">
        <v>565</v>
      </c>
      <c r="E411" s="46">
        <v>21.8</v>
      </c>
      <c r="F411" s="46">
        <v>6.9</v>
      </c>
      <c r="G411" s="46">
        <v>9</v>
      </c>
      <c r="H411" s="46">
        <v>6.2</v>
      </c>
      <c r="I411" s="46">
        <v>3.7</v>
      </c>
      <c r="J411" s="46">
        <v>11.5</v>
      </c>
      <c r="K411" s="46">
        <v>6.9</v>
      </c>
      <c r="L411" s="46">
        <v>2.5</v>
      </c>
      <c r="M411" s="46">
        <v>28.1</v>
      </c>
      <c r="N411" s="47">
        <v>37</v>
      </c>
    </row>
    <row r="412" spans="1:25" ht="21.6" x14ac:dyDescent="0.2">
      <c r="B412" s="76"/>
      <c r="C412" s="39" t="s">
        <v>46</v>
      </c>
      <c r="D412" s="45">
        <v>473</v>
      </c>
      <c r="E412" s="46">
        <v>22.8</v>
      </c>
      <c r="F412" s="46">
        <v>6.8</v>
      </c>
      <c r="G412" s="46">
        <v>9.3000000000000007</v>
      </c>
      <c r="H412" s="46">
        <v>6.1</v>
      </c>
      <c r="I412" s="46">
        <v>3.2</v>
      </c>
      <c r="J412" s="46">
        <v>8.9</v>
      </c>
      <c r="K412" s="46">
        <v>7.8</v>
      </c>
      <c r="L412" s="46">
        <v>3.6</v>
      </c>
      <c r="M412" s="46">
        <v>30.2</v>
      </c>
      <c r="N412" s="47">
        <v>36.799999999999997</v>
      </c>
    </row>
    <row r="413" spans="1:25" ht="21.6" x14ac:dyDescent="0.2">
      <c r="B413" s="76"/>
      <c r="C413" s="39" t="s">
        <v>47</v>
      </c>
      <c r="D413" s="45">
        <v>441</v>
      </c>
      <c r="E413" s="46">
        <v>30.2</v>
      </c>
      <c r="F413" s="46">
        <v>7.7</v>
      </c>
      <c r="G413" s="46">
        <v>12.2</v>
      </c>
      <c r="H413" s="46">
        <v>11.3</v>
      </c>
      <c r="I413" s="46">
        <v>5.2</v>
      </c>
      <c r="J413" s="46">
        <v>12.7</v>
      </c>
      <c r="K413" s="46">
        <v>11.8</v>
      </c>
      <c r="L413" s="46">
        <v>3.9</v>
      </c>
      <c r="M413" s="46">
        <v>28.3</v>
      </c>
      <c r="N413" s="47">
        <v>26.5</v>
      </c>
    </row>
    <row r="414" spans="1:25" ht="21.6" x14ac:dyDescent="0.2">
      <c r="B414" s="76"/>
      <c r="C414" s="39" t="s">
        <v>48</v>
      </c>
      <c r="D414" s="45">
        <v>305</v>
      </c>
      <c r="E414" s="46">
        <v>26.9</v>
      </c>
      <c r="F414" s="46">
        <v>6.2</v>
      </c>
      <c r="G414" s="46">
        <v>8.5</v>
      </c>
      <c r="H414" s="46">
        <v>10.8</v>
      </c>
      <c r="I414" s="46">
        <v>4.3</v>
      </c>
      <c r="J414" s="46">
        <v>22</v>
      </c>
      <c r="K414" s="46">
        <v>12.5</v>
      </c>
      <c r="L414" s="46">
        <v>3.9</v>
      </c>
      <c r="M414" s="46">
        <v>26.6</v>
      </c>
      <c r="N414" s="47">
        <v>21.6</v>
      </c>
    </row>
    <row r="415" spans="1:25" ht="21.6" x14ac:dyDescent="0.2">
      <c r="B415" s="76"/>
      <c r="C415" s="39" t="s">
        <v>49</v>
      </c>
      <c r="D415" s="45">
        <v>223</v>
      </c>
      <c r="E415" s="46">
        <v>33.6</v>
      </c>
      <c r="F415" s="46">
        <v>9.4</v>
      </c>
      <c r="G415" s="46">
        <v>15.7</v>
      </c>
      <c r="H415" s="46">
        <v>12.6</v>
      </c>
      <c r="I415" s="46">
        <v>6.7</v>
      </c>
      <c r="J415" s="46">
        <v>26.5</v>
      </c>
      <c r="K415" s="46">
        <v>14.8</v>
      </c>
      <c r="L415" s="46">
        <v>4.9000000000000004</v>
      </c>
      <c r="M415" s="46">
        <v>25.6</v>
      </c>
      <c r="N415" s="47">
        <v>19.7</v>
      </c>
    </row>
    <row r="416" spans="1:25" ht="21.6" x14ac:dyDescent="0.2">
      <c r="B416" s="76"/>
      <c r="C416" s="39" t="s">
        <v>50</v>
      </c>
      <c r="D416" s="45">
        <v>123</v>
      </c>
      <c r="E416" s="46">
        <v>40.700000000000003</v>
      </c>
      <c r="F416" s="46">
        <v>6.5</v>
      </c>
      <c r="G416" s="46">
        <v>21.1</v>
      </c>
      <c r="H416" s="46">
        <v>18.7</v>
      </c>
      <c r="I416" s="46">
        <v>3.3</v>
      </c>
      <c r="J416" s="46">
        <v>29.3</v>
      </c>
      <c r="K416" s="46">
        <v>22</v>
      </c>
      <c r="L416" s="46">
        <v>4.9000000000000004</v>
      </c>
      <c r="M416" s="46">
        <v>23.6</v>
      </c>
      <c r="N416" s="47">
        <v>16.3</v>
      </c>
    </row>
    <row r="417" spans="1:25" ht="21.6" x14ac:dyDescent="0.2">
      <c r="B417" s="76"/>
      <c r="C417" s="39" t="s">
        <v>51</v>
      </c>
      <c r="D417" s="45">
        <v>124</v>
      </c>
      <c r="E417" s="46">
        <v>32.299999999999997</v>
      </c>
      <c r="F417" s="46">
        <v>11.3</v>
      </c>
      <c r="G417" s="46">
        <v>21.8</v>
      </c>
      <c r="H417" s="46">
        <v>15.3</v>
      </c>
      <c r="I417" s="46">
        <v>9.6999999999999993</v>
      </c>
      <c r="J417" s="46">
        <v>33.9</v>
      </c>
      <c r="K417" s="46">
        <v>21</v>
      </c>
      <c r="L417" s="46">
        <v>7.3</v>
      </c>
      <c r="M417" s="46">
        <v>22.6</v>
      </c>
      <c r="N417" s="47">
        <v>18.5</v>
      </c>
    </row>
    <row r="418" spans="1:25" ht="21.6" x14ac:dyDescent="0.2">
      <c r="B418" s="76"/>
      <c r="C418" s="39" t="s">
        <v>52</v>
      </c>
      <c r="D418" s="45">
        <v>312</v>
      </c>
      <c r="E418" s="46">
        <v>12.2</v>
      </c>
      <c r="F418" s="46">
        <v>5.0999999999999996</v>
      </c>
      <c r="G418" s="46">
        <v>4.2</v>
      </c>
      <c r="H418" s="46">
        <v>4.8</v>
      </c>
      <c r="I418" s="46">
        <v>2.2000000000000002</v>
      </c>
      <c r="J418" s="46">
        <v>6.4</v>
      </c>
      <c r="K418" s="46">
        <v>4.2</v>
      </c>
      <c r="L418" s="46">
        <v>1.3</v>
      </c>
      <c r="M418" s="46">
        <v>47.1</v>
      </c>
      <c r="N418" s="47">
        <v>29.2</v>
      </c>
    </row>
    <row r="419" spans="1:25" x14ac:dyDescent="0.2">
      <c r="B419" s="76"/>
      <c r="C419" s="39" t="s">
        <v>53</v>
      </c>
      <c r="D419" s="45">
        <v>269</v>
      </c>
      <c r="E419" s="46">
        <v>23</v>
      </c>
      <c r="F419" s="46">
        <v>8.9</v>
      </c>
      <c r="G419" s="46">
        <v>7.1</v>
      </c>
      <c r="H419" s="46">
        <v>4.5</v>
      </c>
      <c r="I419" s="46">
        <v>4.8</v>
      </c>
      <c r="J419" s="46">
        <v>7.1</v>
      </c>
      <c r="K419" s="46">
        <v>6.7</v>
      </c>
      <c r="L419" s="46">
        <v>1.9</v>
      </c>
      <c r="M419" s="46">
        <v>31.2</v>
      </c>
      <c r="N419" s="47">
        <v>32.299999999999997</v>
      </c>
    </row>
    <row r="420" spans="1:25" ht="21.6" x14ac:dyDescent="0.2">
      <c r="B420" s="76"/>
      <c r="C420" s="39" t="s">
        <v>54</v>
      </c>
      <c r="D420" s="45">
        <v>511</v>
      </c>
      <c r="E420" s="46">
        <v>33.299999999999997</v>
      </c>
      <c r="F420" s="46">
        <v>8.6</v>
      </c>
      <c r="G420" s="46">
        <v>15.7</v>
      </c>
      <c r="H420" s="46">
        <v>11.9</v>
      </c>
      <c r="I420" s="46">
        <v>6.1</v>
      </c>
      <c r="J420" s="46">
        <v>19</v>
      </c>
      <c r="K420" s="46">
        <v>13.3</v>
      </c>
      <c r="L420" s="46">
        <v>3.3</v>
      </c>
      <c r="M420" s="46">
        <v>24.3</v>
      </c>
      <c r="N420" s="47">
        <v>24.1</v>
      </c>
    </row>
    <row r="421" spans="1:25" ht="21.6" x14ac:dyDescent="0.2">
      <c r="B421" s="76"/>
      <c r="C421" s="39" t="s">
        <v>55</v>
      </c>
      <c r="D421" s="45">
        <v>615</v>
      </c>
      <c r="E421" s="46">
        <v>38.700000000000003</v>
      </c>
      <c r="F421" s="46">
        <v>7.5</v>
      </c>
      <c r="G421" s="46">
        <v>16.600000000000001</v>
      </c>
      <c r="H421" s="46">
        <v>15.3</v>
      </c>
      <c r="I421" s="46">
        <v>5.2</v>
      </c>
      <c r="J421" s="46">
        <v>29.3</v>
      </c>
      <c r="K421" s="46">
        <v>18.899999999999999</v>
      </c>
      <c r="L421" s="46">
        <v>8</v>
      </c>
      <c r="M421" s="46">
        <v>18.2</v>
      </c>
      <c r="N421" s="47">
        <v>21.8</v>
      </c>
    </row>
    <row r="422" spans="1:25" ht="21.6" x14ac:dyDescent="0.2">
      <c r="B422" s="76"/>
      <c r="C422" s="39" t="s">
        <v>56</v>
      </c>
      <c r="D422" s="45">
        <v>800</v>
      </c>
      <c r="E422" s="46">
        <v>37.299999999999997</v>
      </c>
      <c r="F422" s="46">
        <v>9.9</v>
      </c>
      <c r="G422" s="46">
        <v>16</v>
      </c>
      <c r="H422" s="46">
        <v>14.5</v>
      </c>
      <c r="I422" s="46">
        <v>5.9</v>
      </c>
      <c r="J422" s="46">
        <v>25</v>
      </c>
      <c r="K422" s="46">
        <v>17</v>
      </c>
      <c r="L422" s="46">
        <v>8.6</v>
      </c>
      <c r="M422" s="46">
        <v>17.600000000000001</v>
      </c>
      <c r="N422" s="47">
        <v>24</v>
      </c>
    </row>
    <row r="423" spans="1:25" x14ac:dyDescent="0.2">
      <c r="B423" s="76"/>
      <c r="C423" s="40" t="s">
        <v>57</v>
      </c>
      <c r="D423" s="48">
        <v>798</v>
      </c>
      <c r="E423" s="49">
        <v>23.2</v>
      </c>
      <c r="F423" s="49">
        <v>6</v>
      </c>
      <c r="G423" s="49">
        <v>10.3</v>
      </c>
      <c r="H423" s="49">
        <v>8.6</v>
      </c>
      <c r="I423" s="49">
        <v>3.9</v>
      </c>
      <c r="J423" s="49">
        <v>13.3</v>
      </c>
      <c r="K423" s="49">
        <v>9.3000000000000007</v>
      </c>
      <c r="L423" s="49">
        <v>1</v>
      </c>
      <c r="M423" s="49">
        <v>38.5</v>
      </c>
      <c r="N423" s="50">
        <v>23.2</v>
      </c>
    </row>
    <row r="424" spans="1:25" x14ac:dyDescent="0.2">
      <c r="B424" s="7" t="s">
        <v>71</v>
      </c>
      <c r="C424" s="4" t="s">
        <v>85</v>
      </c>
    </row>
    <row r="425" spans="1:25" x14ac:dyDescent="0.2">
      <c r="B425" s="4"/>
      <c r="C425" s="4" t="s">
        <v>73</v>
      </c>
    </row>
    <row r="427" spans="1:25" x14ac:dyDescent="0.2">
      <c r="C427" t="s">
        <v>35</v>
      </c>
    </row>
    <row r="428" spans="1:25" x14ac:dyDescent="0.2">
      <c r="B428" s="74" t="s">
        <v>185</v>
      </c>
      <c r="C428" s="75"/>
      <c r="D428" s="75"/>
      <c r="E428" s="75"/>
      <c r="F428" s="75"/>
      <c r="G428" s="75"/>
      <c r="H428" s="75"/>
      <c r="I428" s="75"/>
      <c r="J428" s="75"/>
      <c r="K428" s="75"/>
      <c r="L428" s="75"/>
      <c r="M428" s="75"/>
      <c r="N428" s="75"/>
      <c r="O428" s="75"/>
      <c r="P428" s="75"/>
      <c r="Q428" s="75"/>
      <c r="R428" s="75"/>
      <c r="S428" s="75"/>
      <c r="T428" s="75"/>
      <c r="U428" s="75"/>
      <c r="V428" s="75"/>
      <c r="W428" s="75"/>
      <c r="X428" s="75"/>
      <c r="Y428" s="75"/>
    </row>
    <row r="429" spans="1:25" s="32" customFormat="1" ht="101.25" customHeight="1" x14ac:dyDescent="0.15">
      <c r="A429" s="31"/>
      <c r="D429" s="33" t="s">
        <v>242</v>
      </c>
      <c r="E429" s="35" t="s">
        <v>267</v>
      </c>
      <c r="F429" s="36" t="s">
        <v>268</v>
      </c>
      <c r="G429" s="36" t="s">
        <v>269</v>
      </c>
      <c r="H429" s="36" t="s">
        <v>270</v>
      </c>
      <c r="I429" s="36" t="s">
        <v>271</v>
      </c>
      <c r="J429" s="36" t="s">
        <v>272</v>
      </c>
      <c r="K429" s="36" t="s">
        <v>273</v>
      </c>
      <c r="L429" s="36" t="s">
        <v>274</v>
      </c>
      <c r="M429" s="36" t="s">
        <v>275</v>
      </c>
      <c r="N429" s="37" t="s">
        <v>276</v>
      </c>
      <c r="O429" s="34" t="s">
        <v>251</v>
      </c>
    </row>
    <row r="430" spans="1:25" ht="21.6" x14ac:dyDescent="0.2">
      <c r="B430" s="76" t="s">
        <v>37</v>
      </c>
      <c r="C430" s="38" t="s">
        <v>58</v>
      </c>
      <c r="D430" s="51">
        <v>609</v>
      </c>
      <c r="E430" s="52">
        <v>34.6</v>
      </c>
      <c r="F430" s="52">
        <v>11.3</v>
      </c>
      <c r="G430" s="52">
        <v>14.9</v>
      </c>
      <c r="H430" s="52">
        <v>14.4</v>
      </c>
      <c r="I430" s="52">
        <v>6.9</v>
      </c>
      <c r="J430" s="52">
        <v>22.8</v>
      </c>
      <c r="K430" s="52">
        <v>15.1</v>
      </c>
      <c r="L430" s="52">
        <v>10.5</v>
      </c>
      <c r="M430" s="52">
        <v>16.399999999999999</v>
      </c>
      <c r="N430" s="53">
        <v>25</v>
      </c>
    </row>
    <row r="431" spans="1:25" ht="21.6" x14ac:dyDescent="0.2">
      <c r="B431" s="76"/>
      <c r="C431" s="39" t="s">
        <v>59</v>
      </c>
      <c r="D431" s="45">
        <v>1391</v>
      </c>
      <c r="E431" s="46">
        <v>23.4</v>
      </c>
      <c r="F431" s="46">
        <v>5.0999999999999996</v>
      </c>
      <c r="G431" s="46">
        <v>9.8000000000000007</v>
      </c>
      <c r="H431" s="46">
        <v>7.3</v>
      </c>
      <c r="I431" s="46">
        <v>3.4</v>
      </c>
      <c r="J431" s="46">
        <v>13.7</v>
      </c>
      <c r="K431" s="46">
        <v>9.6</v>
      </c>
      <c r="L431" s="46">
        <v>1.1000000000000001</v>
      </c>
      <c r="M431" s="46">
        <v>30.8</v>
      </c>
      <c r="N431" s="47">
        <v>33.4</v>
      </c>
    </row>
    <row r="432" spans="1:25" x14ac:dyDescent="0.2">
      <c r="B432" s="76"/>
      <c r="C432" s="39" t="s">
        <v>60</v>
      </c>
      <c r="D432" s="45">
        <v>1325</v>
      </c>
      <c r="E432" s="46">
        <v>27.5</v>
      </c>
      <c r="F432" s="46">
        <v>7.3</v>
      </c>
      <c r="G432" s="46">
        <v>12</v>
      </c>
      <c r="H432" s="46">
        <v>9.4</v>
      </c>
      <c r="I432" s="46">
        <v>4.5</v>
      </c>
      <c r="J432" s="46">
        <v>18.2</v>
      </c>
      <c r="K432" s="46">
        <v>11.5</v>
      </c>
      <c r="L432" s="46">
        <v>3.5</v>
      </c>
      <c r="M432" s="46">
        <v>25.4</v>
      </c>
      <c r="N432" s="47">
        <v>30.1</v>
      </c>
    </row>
    <row r="433" spans="2:14" x14ac:dyDescent="0.2">
      <c r="B433" s="76"/>
      <c r="C433" s="39" t="s">
        <v>61</v>
      </c>
      <c r="D433" s="45">
        <v>675</v>
      </c>
      <c r="E433" s="46">
        <v>25.5</v>
      </c>
      <c r="F433" s="46">
        <v>6.4</v>
      </c>
      <c r="G433" s="46">
        <v>10.1</v>
      </c>
      <c r="H433" s="46">
        <v>9.5</v>
      </c>
      <c r="I433" s="46">
        <v>4.3</v>
      </c>
      <c r="J433" s="46">
        <v>13.2</v>
      </c>
      <c r="K433" s="46">
        <v>11</v>
      </c>
      <c r="L433" s="46">
        <v>4.7</v>
      </c>
      <c r="M433" s="46">
        <v>28.6</v>
      </c>
      <c r="N433" s="47">
        <v>32.299999999999997</v>
      </c>
    </row>
    <row r="434" spans="2:14" x14ac:dyDescent="0.2">
      <c r="B434" s="76"/>
      <c r="C434" s="39" t="s">
        <v>62</v>
      </c>
      <c r="D434" s="45">
        <v>1086</v>
      </c>
      <c r="E434" s="46">
        <v>28.5</v>
      </c>
      <c r="F434" s="46">
        <v>7.5</v>
      </c>
      <c r="G434" s="46">
        <v>12.4</v>
      </c>
      <c r="H434" s="46">
        <v>10.9</v>
      </c>
      <c r="I434" s="46">
        <v>4.9000000000000004</v>
      </c>
      <c r="J434" s="46">
        <v>19.8</v>
      </c>
      <c r="K434" s="46">
        <v>13.6</v>
      </c>
      <c r="L434" s="46">
        <v>4.5999999999999996</v>
      </c>
      <c r="M434" s="46">
        <v>27.2</v>
      </c>
      <c r="N434" s="47">
        <v>25.2</v>
      </c>
    </row>
    <row r="435" spans="2:14" ht="21.6" x14ac:dyDescent="0.2">
      <c r="B435" s="76"/>
      <c r="C435" s="39" t="s">
        <v>63</v>
      </c>
      <c r="D435" s="45">
        <v>203</v>
      </c>
      <c r="E435" s="46">
        <v>18.7</v>
      </c>
      <c r="F435" s="46">
        <v>6.4</v>
      </c>
      <c r="G435" s="46">
        <v>9.4</v>
      </c>
      <c r="H435" s="46">
        <v>4.4000000000000004</v>
      </c>
      <c r="I435" s="46">
        <v>6.4</v>
      </c>
      <c r="J435" s="46">
        <v>14.3</v>
      </c>
      <c r="K435" s="46">
        <v>9.4</v>
      </c>
      <c r="L435" s="46">
        <v>5.9</v>
      </c>
      <c r="M435" s="46">
        <v>21.7</v>
      </c>
      <c r="N435" s="47">
        <v>40.4</v>
      </c>
    </row>
    <row r="436" spans="2:14" x14ac:dyDescent="0.2">
      <c r="B436" s="76"/>
      <c r="C436" s="39" t="s">
        <v>64</v>
      </c>
      <c r="D436" s="45">
        <v>263</v>
      </c>
      <c r="E436" s="46">
        <v>25.1</v>
      </c>
      <c r="F436" s="46">
        <v>11.4</v>
      </c>
      <c r="G436" s="46">
        <v>14.8</v>
      </c>
      <c r="H436" s="46">
        <v>13.7</v>
      </c>
      <c r="I436" s="46">
        <v>5.7</v>
      </c>
      <c r="J436" s="46">
        <v>19.399999999999999</v>
      </c>
      <c r="K436" s="46">
        <v>13.7</v>
      </c>
      <c r="L436" s="46">
        <v>4.9000000000000004</v>
      </c>
      <c r="M436" s="46">
        <v>26.6</v>
      </c>
      <c r="N436" s="47">
        <v>24.3</v>
      </c>
    </row>
    <row r="437" spans="2:14" x14ac:dyDescent="0.2">
      <c r="B437" s="76"/>
      <c r="C437" s="39" t="s">
        <v>65</v>
      </c>
      <c r="D437" s="45">
        <v>312</v>
      </c>
      <c r="E437" s="46">
        <v>27.6</v>
      </c>
      <c r="F437" s="46">
        <v>6.4</v>
      </c>
      <c r="G437" s="46">
        <v>9.9</v>
      </c>
      <c r="H437" s="46">
        <v>10.6</v>
      </c>
      <c r="I437" s="46">
        <v>4.8</v>
      </c>
      <c r="J437" s="46">
        <v>18.600000000000001</v>
      </c>
      <c r="K437" s="46">
        <v>11.5</v>
      </c>
      <c r="L437" s="46">
        <v>4.5</v>
      </c>
      <c r="M437" s="46">
        <v>29.2</v>
      </c>
      <c r="N437" s="47">
        <v>23.7</v>
      </c>
    </row>
    <row r="438" spans="2:14" x14ac:dyDescent="0.2">
      <c r="B438" s="76"/>
      <c r="C438" s="39" t="s">
        <v>66</v>
      </c>
      <c r="D438" s="45">
        <v>230</v>
      </c>
      <c r="E438" s="46">
        <v>40.4</v>
      </c>
      <c r="F438" s="46">
        <v>6.5</v>
      </c>
      <c r="G438" s="46">
        <v>15.2</v>
      </c>
      <c r="H438" s="46">
        <v>13.9</v>
      </c>
      <c r="I438" s="46">
        <v>3</v>
      </c>
      <c r="J438" s="46">
        <v>25.7</v>
      </c>
      <c r="K438" s="46">
        <v>19.100000000000001</v>
      </c>
      <c r="L438" s="46">
        <v>4.3</v>
      </c>
      <c r="M438" s="46">
        <v>27.8</v>
      </c>
      <c r="N438" s="47">
        <v>17.399999999999999</v>
      </c>
    </row>
    <row r="439" spans="2:14" x14ac:dyDescent="0.2">
      <c r="B439" s="76"/>
      <c r="C439" s="39" t="s">
        <v>67</v>
      </c>
      <c r="D439" s="45">
        <v>78</v>
      </c>
      <c r="E439" s="46">
        <v>33.299999999999997</v>
      </c>
      <c r="F439" s="46">
        <v>3.8</v>
      </c>
      <c r="G439" s="46">
        <v>14.1</v>
      </c>
      <c r="H439" s="46">
        <v>10.3</v>
      </c>
      <c r="I439" s="46">
        <v>3.8</v>
      </c>
      <c r="J439" s="46">
        <v>23.1</v>
      </c>
      <c r="K439" s="46">
        <v>16.7</v>
      </c>
      <c r="L439" s="46">
        <v>1.3</v>
      </c>
      <c r="M439" s="46">
        <v>33.299999999999997</v>
      </c>
      <c r="N439" s="47">
        <v>17.899999999999999</v>
      </c>
    </row>
    <row r="440" spans="2:14" x14ac:dyDescent="0.2">
      <c r="B440" s="76"/>
      <c r="C440" s="39" t="s">
        <v>68</v>
      </c>
      <c r="D440" s="45">
        <v>897</v>
      </c>
      <c r="E440" s="46">
        <v>31.2</v>
      </c>
      <c r="F440" s="46">
        <v>8</v>
      </c>
      <c r="G440" s="46">
        <v>13.8</v>
      </c>
      <c r="H440" s="46">
        <v>12.3</v>
      </c>
      <c r="I440" s="46">
        <v>5</v>
      </c>
      <c r="J440" s="46">
        <v>22.3</v>
      </c>
      <c r="K440" s="46">
        <v>15.1</v>
      </c>
      <c r="L440" s="46">
        <v>5.2</v>
      </c>
      <c r="M440" s="46">
        <v>26.6</v>
      </c>
      <c r="N440" s="47">
        <v>20.8</v>
      </c>
    </row>
    <row r="441" spans="2:14" x14ac:dyDescent="0.2">
      <c r="B441" s="76"/>
      <c r="C441" s="39" t="s">
        <v>69</v>
      </c>
      <c r="D441" s="45">
        <v>189</v>
      </c>
      <c r="E441" s="46">
        <v>15.3</v>
      </c>
      <c r="F441" s="46">
        <v>4.8</v>
      </c>
      <c r="G441" s="46">
        <v>5.8</v>
      </c>
      <c r="H441" s="46">
        <v>4.2</v>
      </c>
      <c r="I441" s="46">
        <v>4.2</v>
      </c>
      <c r="J441" s="46">
        <v>7.9</v>
      </c>
      <c r="K441" s="46">
        <v>6.9</v>
      </c>
      <c r="L441" s="46">
        <v>1.6</v>
      </c>
      <c r="M441" s="46">
        <v>29.6</v>
      </c>
      <c r="N441" s="47">
        <v>46</v>
      </c>
    </row>
    <row r="442" spans="2:14" x14ac:dyDescent="0.2">
      <c r="B442" s="76"/>
      <c r="C442" s="39" t="s">
        <v>70</v>
      </c>
      <c r="D442" s="45">
        <v>914</v>
      </c>
      <c r="E442" s="46">
        <v>24.9</v>
      </c>
      <c r="F442" s="46">
        <v>6.5</v>
      </c>
      <c r="G442" s="46">
        <v>10.1</v>
      </c>
      <c r="H442" s="46">
        <v>7.8</v>
      </c>
      <c r="I442" s="46">
        <v>3.9</v>
      </c>
      <c r="J442" s="46">
        <v>12.6</v>
      </c>
      <c r="K442" s="46">
        <v>8.5</v>
      </c>
      <c r="L442" s="46">
        <v>3.2</v>
      </c>
      <c r="M442" s="46">
        <v>25.6</v>
      </c>
      <c r="N442" s="47">
        <v>37.5</v>
      </c>
    </row>
    <row r="443" spans="2:14" ht="21.6" x14ac:dyDescent="0.2">
      <c r="B443" s="76"/>
      <c r="C443" s="39" t="s">
        <v>63</v>
      </c>
      <c r="D443" s="45">
        <v>193</v>
      </c>
      <c r="E443" s="46">
        <v>25.9</v>
      </c>
      <c r="F443" s="46">
        <v>6.7</v>
      </c>
      <c r="G443" s="46">
        <v>11.9</v>
      </c>
      <c r="H443" s="46">
        <v>8.3000000000000007</v>
      </c>
      <c r="I443" s="46">
        <v>6.2</v>
      </c>
      <c r="J443" s="46">
        <v>15.5</v>
      </c>
      <c r="K443" s="46">
        <v>13</v>
      </c>
      <c r="L443" s="46">
        <v>6.2</v>
      </c>
      <c r="M443" s="46">
        <v>14</v>
      </c>
      <c r="N443" s="47">
        <v>47.7</v>
      </c>
    </row>
    <row r="444" spans="2:14" x14ac:dyDescent="0.2">
      <c r="B444" s="76"/>
      <c r="C444" s="39" t="s">
        <v>64</v>
      </c>
      <c r="D444" s="45">
        <v>203</v>
      </c>
      <c r="E444" s="46">
        <v>27.6</v>
      </c>
      <c r="F444" s="46">
        <v>8.4</v>
      </c>
      <c r="G444" s="46">
        <v>9.9</v>
      </c>
      <c r="H444" s="46">
        <v>8.4</v>
      </c>
      <c r="I444" s="46">
        <v>4.9000000000000004</v>
      </c>
      <c r="J444" s="46">
        <v>14.8</v>
      </c>
      <c r="K444" s="46">
        <v>7.9</v>
      </c>
      <c r="L444" s="46">
        <v>2</v>
      </c>
      <c r="M444" s="46">
        <v>26.6</v>
      </c>
      <c r="N444" s="47">
        <v>33</v>
      </c>
    </row>
    <row r="445" spans="2:14" x14ac:dyDescent="0.2">
      <c r="B445" s="76"/>
      <c r="C445" s="39" t="s">
        <v>65</v>
      </c>
      <c r="D445" s="45">
        <v>263</v>
      </c>
      <c r="E445" s="46">
        <v>25.5</v>
      </c>
      <c r="F445" s="46">
        <v>4.5999999999999996</v>
      </c>
      <c r="G445" s="46">
        <v>8.6999999999999993</v>
      </c>
      <c r="H445" s="46">
        <v>7.2</v>
      </c>
      <c r="I445" s="46">
        <v>3.4</v>
      </c>
      <c r="J445" s="46">
        <v>9.1</v>
      </c>
      <c r="K445" s="46">
        <v>8.6999999999999993</v>
      </c>
      <c r="L445" s="46">
        <v>2.7</v>
      </c>
      <c r="M445" s="46">
        <v>26.6</v>
      </c>
      <c r="N445" s="47">
        <v>37.299999999999997</v>
      </c>
    </row>
    <row r="446" spans="2:14" x14ac:dyDescent="0.2">
      <c r="B446" s="76"/>
      <c r="C446" s="39" t="s">
        <v>66</v>
      </c>
      <c r="D446" s="45">
        <v>194</v>
      </c>
      <c r="E446" s="46">
        <v>21.1</v>
      </c>
      <c r="F446" s="46">
        <v>6.7</v>
      </c>
      <c r="G446" s="46">
        <v>10.3</v>
      </c>
      <c r="H446" s="46">
        <v>7.7</v>
      </c>
      <c r="I446" s="46">
        <v>2.1</v>
      </c>
      <c r="J446" s="46">
        <v>13.4</v>
      </c>
      <c r="K446" s="46">
        <v>5.2</v>
      </c>
      <c r="L446" s="46">
        <v>2.6</v>
      </c>
      <c r="M446" s="46">
        <v>31.4</v>
      </c>
      <c r="N446" s="47">
        <v>35.6</v>
      </c>
    </row>
    <row r="447" spans="2:14" x14ac:dyDescent="0.2">
      <c r="B447" s="76"/>
      <c r="C447" s="39" t="s">
        <v>67</v>
      </c>
      <c r="D447" s="45">
        <v>61</v>
      </c>
      <c r="E447" s="46">
        <v>23</v>
      </c>
      <c r="F447" s="46">
        <v>6.6</v>
      </c>
      <c r="G447" s="46">
        <v>9.8000000000000007</v>
      </c>
      <c r="H447" s="46">
        <v>6.6</v>
      </c>
      <c r="I447" s="46">
        <v>1.6</v>
      </c>
      <c r="J447" s="46">
        <v>8.1999999999999993</v>
      </c>
      <c r="K447" s="46">
        <v>6.6</v>
      </c>
      <c r="L447" s="46">
        <v>1.6</v>
      </c>
      <c r="M447" s="46">
        <v>36.1</v>
      </c>
      <c r="N447" s="47">
        <v>27.9</v>
      </c>
    </row>
    <row r="448" spans="2:14" x14ac:dyDescent="0.2">
      <c r="B448" s="76"/>
      <c r="C448" s="39" t="s">
        <v>68</v>
      </c>
      <c r="D448" s="45">
        <v>416</v>
      </c>
      <c r="E448" s="46">
        <v>33.9</v>
      </c>
      <c r="F448" s="46">
        <v>5.8</v>
      </c>
      <c r="G448" s="46">
        <v>13.5</v>
      </c>
      <c r="H448" s="46">
        <v>12</v>
      </c>
      <c r="I448" s="46">
        <v>5.5</v>
      </c>
      <c r="J448" s="46">
        <v>21.4</v>
      </c>
      <c r="K448" s="46">
        <v>11.5</v>
      </c>
      <c r="L448" s="46">
        <v>4.0999999999999996</v>
      </c>
      <c r="M448" s="46">
        <v>23.6</v>
      </c>
      <c r="N448" s="47">
        <v>26.2</v>
      </c>
    </row>
    <row r="449" spans="1:25" x14ac:dyDescent="0.2">
      <c r="B449" s="76"/>
      <c r="C449" s="40" t="s">
        <v>69</v>
      </c>
      <c r="D449" s="48">
        <v>498</v>
      </c>
      <c r="E449" s="49">
        <v>17.5</v>
      </c>
      <c r="F449" s="49">
        <v>7</v>
      </c>
      <c r="G449" s="49">
        <v>7.2</v>
      </c>
      <c r="H449" s="49">
        <v>4.2</v>
      </c>
      <c r="I449" s="49">
        <v>2.6</v>
      </c>
      <c r="J449" s="49">
        <v>5.2</v>
      </c>
      <c r="K449" s="49">
        <v>6</v>
      </c>
      <c r="L449" s="49">
        <v>2.4</v>
      </c>
      <c r="M449" s="49">
        <v>27.3</v>
      </c>
      <c r="N449" s="50">
        <v>47</v>
      </c>
    </row>
    <row r="450" spans="1:25" x14ac:dyDescent="0.2">
      <c r="B450" s="7" t="s">
        <v>71</v>
      </c>
      <c r="C450" s="4" t="s">
        <v>85</v>
      </c>
    </row>
    <row r="451" spans="1:25" x14ac:dyDescent="0.2">
      <c r="B451" s="4"/>
      <c r="C451" s="4" t="s">
        <v>73</v>
      </c>
    </row>
    <row r="453" spans="1:25" x14ac:dyDescent="0.2">
      <c r="A453" s="26" t="s">
        <v>25</v>
      </c>
      <c r="B453" t="s">
        <v>35</v>
      </c>
      <c r="C453" t="s">
        <v>35</v>
      </c>
    </row>
    <row r="454" spans="1:25" x14ac:dyDescent="0.2">
      <c r="B454" s="74" t="s">
        <v>86</v>
      </c>
      <c r="C454" s="75"/>
      <c r="D454" s="75"/>
      <c r="E454" s="75"/>
      <c r="F454" s="75"/>
      <c r="G454" s="75"/>
      <c r="H454" s="75"/>
      <c r="I454" s="75"/>
      <c r="J454" s="75"/>
      <c r="K454" s="75"/>
      <c r="L454" s="75"/>
      <c r="M454" s="75"/>
      <c r="N454" s="75"/>
      <c r="O454" s="75"/>
      <c r="P454" s="75"/>
      <c r="Q454" s="75"/>
      <c r="R454" s="75"/>
      <c r="S454" s="75"/>
      <c r="T454" s="75"/>
      <c r="U454" s="75"/>
      <c r="V454" s="75"/>
      <c r="W454" s="75"/>
      <c r="X454" s="75"/>
      <c r="Y454" s="75"/>
    </row>
    <row r="455" spans="1:25" s="32" customFormat="1" ht="101.25" customHeight="1" x14ac:dyDescent="0.15">
      <c r="A455" s="31"/>
      <c r="D455" s="33" t="s">
        <v>242</v>
      </c>
      <c r="E455" s="35" t="s">
        <v>267</v>
      </c>
      <c r="F455" s="36" t="s">
        <v>268</v>
      </c>
      <c r="G455" s="36" t="s">
        <v>269</v>
      </c>
      <c r="H455" s="36" t="s">
        <v>270</v>
      </c>
      <c r="I455" s="36" t="s">
        <v>271</v>
      </c>
      <c r="J455" s="36" t="s">
        <v>272</v>
      </c>
      <c r="K455" s="36" t="s">
        <v>273</v>
      </c>
      <c r="L455" s="36" t="s">
        <v>274</v>
      </c>
      <c r="M455" s="36" t="s">
        <v>275</v>
      </c>
      <c r="N455" s="37" t="s">
        <v>276</v>
      </c>
      <c r="O455" s="34" t="s">
        <v>251</v>
      </c>
    </row>
    <row r="456" spans="1:25" x14ac:dyDescent="0.2">
      <c r="B456" s="5"/>
      <c r="C456" s="41" t="s">
        <v>38</v>
      </c>
      <c r="D456" s="42">
        <v>391</v>
      </c>
      <c r="E456" s="43">
        <v>45.3</v>
      </c>
      <c r="F456" s="43">
        <v>7.2</v>
      </c>
      <c r="G456" s="43">
        <v>6.1</v>
      </c>
      <c r="H456" s="43">
        <v>6.9</v>
      </c>
      <c r="I456" s="43">
        <v>2</v>
      </c>
      <c r="J456" s="43">
        <v>23.3</v>
      </c>
      <c r="K456" s="43">
        <v>8.1999999999999993</v>
      </c>
      <c r="L456" s="43">
        <v>1</v>
      </c>
      <c r="M456" s="43">
        <v>0</v>
      </c>
      <c r="N456" s="44">
        <v>0</v>
      </c>
    </row>
    <row r="457" spans="1:25" x14ac:dyDescent="0.2">
      <c r="B457" s="76" t="s">
        <v>37</v>
      </c>
      <c r="C457" s="39" t="s">
        <v>39</v>
      </c>
      <c r="D457" s="45">
        <v>19</v>
      </c>
      <c r="E457" s="46">
        <v>63.2</v>
      </c>
      <c r="F457" s="46">
        <v>0</v>
      </c>
      <c r="G457" s="46">
        <v>10.5</v>
      </c>
      <c r="H457" s="46">
        <v>5.3</v>
      </c>
      <c r="I457" s="46">
        <v>5.3</v>
      </c>
      <c r="J457" s="46">
        <v>15.8</v>
      </c>
      <c r="K457" s="46">
        <v>0</v>
      </c>
      <c r="L457" s="46">
        <v>0</v>
      </c>
      <c r="M457" s="46">
        <v>0</v>
      </c>
      <c r="N457" s="47">
        <v>0</v>
      </c>
    </row>
    <row r="458" spans="1:25" x14ac:dyDescent="0.2">
      <c r="B458" s="76"/>
      <c r="C458" s="39" t="s">
        <v>40</v>
      </c>
      <c r="D458" s="45">
        <v>99</v>
      </c>
      <c r="E458" s="46">
        <v>47.5</v>
      </c>
      <c r="F458" s="46">
        <v>5.0999999999999996</v>
      </c>
      <c r="G458" s="46">
        <v>6.1</v>
      </c>
      <c r="H458" s="46">
        <v>9.1</v>
      </c>
      <c r="I458" s="46">
        <v>1</v>
      </c>
      <c r="J458" s="46">
        <v>23.2</v>
      </c>
      <c r="K458" s="46">
        <v>7.1</v>
      </c>
      <c r="L458" s="46">
        <v>1</v>
      </c>
      <c r="M458" s="46">
        <v>0</v>
      </c>
      <c r="N458" s="47">
        <v>0</v>
      </c>
    </row>
    <row r="459" spans="1:25" ht="21.6" x14ac:dyDescent="0.2">
      <c r="B459" s="76"/>
      <c r="C459" s="39" t="s">
        <v>41</v>
      </c>
      <c r="D459" s="45">
        <v>6</v>
      </c>
      <c r="E459" s="46">
        <v>33.299999999999997</v>
      </c>
      <c r="F459" s="46">
        <v>0</v>
      </c>
      <c r="G459" s="46">
        <v>0</v>
      </c>
      <c r="H459" s="46">
        <v>33.299999999999997</v>
      </c>
      <c r="I459" s="46">
        <v>0</v>
      </c>
      <c r="J459" s="46">
        <v>33.299999999999997</v>
      </c>
      <c r="K459" s="46">
        <v>0</v>
      </c>
      <c r="L459" s="46">
        <v>0</v>
      </c>
      <c r="M459" s="46">
        <v>0</v>
      </c>
      <c r="N459" s="47">
        <v>0</v>
      </c>
    </row>
    <row r="460" spans="1:25" ht="21.6" x14ac:dyDescent="0.2">
      <c r="B460" s="76"/>
      <c r="C460" s="39" t="s">
        <v>42</v>
      </c>
      <c r="D460" s="45">
        <v>65</v>
      </c>
      <c r="E460" s="46">
        <v>33.799999999999997</v>
      </c>
      <c r="F460" s="46">
        <v>4.5999999999999996</v>
      </c>
      <c r="G460" s="46">
        <v>6.2</v>
      </c>
      <c r="H460" s="46">
        <v>3.1</v>
      </c>
      <c r="I460" s="46">
        <v>3.1</v>
      </c>
      <c r="J460" s="46">
        <v>35.4</v>
      </c>
      <c r="K460" s="46">
        <v>13.8</v>
      </c>
      <c r="L460" s="46">
        <v>0</v>
      </c>
      <c r="M460" s="46">
        <v>0</v>
      </c>
      <c r="N460" s="47">
        <v>0</v>
      </c>
    </row>
    <row r="461" spans="1:25" ht="21.6" x14ac:dyDescent="0.2">
      <c r="B461" s="76"/>
      <c r="C461" s="39" t="s">
        <v>43</v>
      </c>
      <c r="D461" s="45">
        <v>55</v>
      </c>
      <c r="E461" s="46">
        <v>56.4</v>
      </c>
      <c r="F461" s="46">
        <v>9.1</v>
      </c>
      <c r="G461" s="46">
        <v>3.6</v>
      </c>
      <c r="H461" s="46">
        <v>3.6</v>
      </c>
      <c r="I461" s="46">
        <v>3.6</v>
      </c>
      <c r="J461" s="46">
        <v>14.5</v>
      </c>
      <c r="K461" s="46">
        <v>9.1</v>
      </c>
      <c r="L461" s="46">
        <v>0</v>
      </c>
      <c r="M461" s="46">
        <v>0</v>
      </c>
      <c r="N461" s="47">
        <v>0</v>
      </c>
    </row>
    <row r="462" spans="1:25" ht="21.6" x14ac:dyDescent="0.2">
      <c r="B462" s="76"/>
      <c r="C462" s="39" t="s">
        <v>44</v>
      </c>
      <c r="D462" s="45">
        <v>43</v>
      </c>
      <c r="E462" s="46">
        <v>37.200000000000003</v>
      </c>
      <c r="F462" s="46">
        <v>9.3000000000000007</v>
      </c>
      <c r="G462" s="46">
        <v>4.7</v>
      </c>
      <c r="H462" s="46">
        <v>9.3000000000000007</v>
      </c>
      <c r="I462" s="46">
        <v>0</v>
      </c>
      <c r="J462" s="46">
        <v>18.600000000000001</v>
      </c>
      <c r="K462" s="46">
        <v>16.3</v>
      </c>
      <c r="L462" s="46">
        <v>4.7</v>
      </c>
      <c r="M462" s="46">
        <v>0</v>
      </c>
      <c r="N462" s="47">
        <v>0</v>
      </c>
    </row>
    <row r="463" spans="1:25" ht="21.6" x14ac:dyDescent="0.2">
      <c r="B463" s="76"/>
      <c r="C463" s="39" t="s">
        <v>45</v>
      </c>
      <c r="D463" s="45">
        <v>104</v>
      </c>
      <c r="E463" s="46">
        <v>45.2</v>
      </c>
      <c r="F463" s="46">
        <v>10.6</v>
      </c>
      <c r="G463" s="46">
        <v>7.7</v>
      </c>
      <c r="H463" s="46">
        <v>6.7</v>
      </c>
      <c r="I463" s="46">
        <v>1.9</v>
      </c>
      <c r="J463" s="46">
        <v>23.1</v>
      </c>
      <c r="K463" s="46">
        <v>3.8</v>
      </c>
      <c r="L463" s="46">
        <v>1</v>
      </c>
      <c r="M463" s="46">
        <v>0</v>
      </c>
      <c r="N463" s="47">
        <v>0</v>
      </c>
    </row>
    <row r="464" spans="1:25" ht="21.6" x14ac:dyDescent="0.2">
      <c r="B464" s="76"/>
      <c r="C464" s="39" t="s">
        <v>46</v>
      </c>
      <c r="D464" s="45">
        <v>74</v>
      </c>
      <c r="E464" s="46">
        <v>54.1</v>
      </c>
      <c r="F464" s="46">
        <v>6.8</v>
      </c>
      <c r="G464" s="46">
        <v>8.1</v>
      </c>
      <c r="H464" s="46">
        <v>2.7</v>
      </c>
      <c r="I464" s="46">
        <v>2.7</v>
      </c>
      <c r="J464" s="46">
        <v>20.3</v>
      </c>
      <c r="K464" s="46">
        <v>5.4</v>
      </c>
      <c r="L464" s="46">
        <v>0</v>
      </c>
      <c r="M464" s="46">
        <v>0</v>
      </c>
      <c r="N464" s="47">
        <v>0</v>
      </c>
    </row>
    <row r="465" spans="1:25" ht="21.6" x14ac:dyDescent="0.2">
      <c r="B465" s="76"/>
      <c r="C465" s="39" t="s">
        <v>47</v>
      </c>
      <c r="D465" s="45">
        <v>92</v>
      </c>
      <c r="E465" s="46">
        <v>52.2</v>
      </c>
      <c r="F465" s="46">
        <v>8.6999999999999993</v>
      </c>
      <c r="G465" s="46">
        <v>9.8000000000000007</v>
      </c>
      <c r="H465" s="46">
        <v>6.5</v>
      </c>
      <c r="I465" s="46">
        <v>2.2000000000000002</v>
      </c>
      <c r="J465" s="46">
        <v>15.2</v>
      </c>
      <c r="K465" s="46">
        <v>5.4</v>
      </c>
      <c r="L465" s="46">
        <v>0</v>
      </c>
      <c r="M465" s="46">
        <v>0</v>
      </c>
      <c r="N465" s="47">
        <v>0</v>
      </c>
    </row>
    <row r="466" spans="1:25" ht="21.6" x14ac:dyDescent="0.2">
      <c r="B466" s="76"/>
      <c r="C466" s="39" t="s">
        <v>48</v>
      </c>
      <c r="D466" s="45">
        <v>87</v>
      </c>
      <c r="E466" s="46">
        <v>33.299999999999997</v>
      </c>
      <c r="F466" s="46">
        <v>2.2999999999999998</v>
      </c>
      <c r="G466" s="46">
        <v>5.7</v>
      </c>
      <c r="H466" s="46">
        <v>12.6</v>
      </c>
      <c r="I466" s="46">
        <v>3.4</v>
      </c>
      <c r="J466" s="46">
        <v>26.4</v>
      </c>
      <c r="K466" s="46">
        <v>13.8</v>
      </c>
      <c r="L466" s="46">
        <v>2.2999999999999998</v>
      </c>
      <c r="M466" s="46">
        <v>0</v>
      </c>
      <c r="N466" s="47">
        <v>0</v>
      </c>
    </row>
    <row r="467" spans="1:25" ht="21.6" x14ac:dyDescent="0.2">
      <c r="B467" s="76"/>
      <c r="C467" s="39" t="s">
        <v>49</v>
      </c>
      <c r="D467" s="45">
        <v>51</v>
      </c>
      <c r="E467" s="46">
        <v>47.1</v>
      </c>
      <c r="F467" s="46">
        <v>7.8</v>
      </c>
      <c r="G467" s="46">
        <v>0</v>
      </c>
      <c r="H467" s="46">
        <v>7.8</v>
      </c>
      <c r="I467" s="46">
        <v>2</v>
      </c>
      <c r="J467" s="46">
        <v>27.5</v>
      </c>
      <c r="K467" s="46">
        <v>5.9</v>
      </c>
      <c r="L467" s="46">
        <v>2</v>
      </c>
      <c r="M467" s="46">
        <v>0</v>
      </c>
      <c r="N467" s="47">
        <v>0</v>
      </c>
    </row>
    <row r="468" spans="1:25" ht="21.6" x14ac:dyDescent="0.2">
      <c r="B468" s="76"/>
      <c r="C468" s="39" t="s">
        <v>50</v>
      </c>
      <c r="D468" s="45">
        <v>23</v>
      </c>
      <c r="E468" s="46">
        <v>43.5</v>
      </c>
      <c r="F468" s="46">
        <v>4.3</v>
      </c>
      <c r="G468" s="46">
        <v>4.3</v>
      </c>
      <c r="H468" s="46">
        <v>0</v>
      </c>
      <c r="I468" s="46">
        <v>0</v>
      </c>
      <c r="J468" s="46">
        <v>26.1</v>
      </c>
      <c r="K468" s="46">
        <v>17.399999999999999</v>
      </c>
      <c r="L468" s="46">
        <v>4.3</v>
      </c>
      <c r="M468" s="46">
        <v>0</v>
      </c>
      <c r="N468" s="47">
        <v>0</v>
      </c>
    </row>
    <row r="469" spans="1:25" ht="21.6" x14ac:dyDescent="0.2">
      <c r="B469" s="76"/>
      <c r="C469" s="39" t="s">
        <v>51</v>
      </c>
      <c r="D469" s="45">
        <v>26</v>
      </c>
      <c r="E469" s="46">
        <v>26.9</v>
      </c>
      <c r="F469" s="46">
        <v>11.5</v>
      </c>
      <c r="G469" s="46">
        <v>3.8</v>
      </c>
      <c r="H469" s="46">
        <v>7.7</v>
      </c>
      <c r="I469" s="46">
        <v>0</v>
      </c>
      <c r="J469" s="46">
        <v>42.3</v>
      </c>
      <c r="K469" s="46">
        <v>7.7</v>
      </c>
      <c r="L469" s="46">
        <v>0</v>
      </c>
      <c r="M469" s="46">
        <v>0</v>
      </c>
      <c r="N469" s="47">
        <v>0</v>
      </c>
    </row>
    <row r="470" spans="1:25" ht="21.6" x14ac:dyDescent="0.2">
      <c r="B470" s="76"/>
      <c r="C470" s="39" t="s">
        <v>52</v>
      </c>
      <c r="D470" s="45">
        <v>45</v>
      </c>
      <c r="E470" s="46">
        <v>40</v>
      </c>
      <c r="F470" s="46">
        <v>13.3</v>
      </c>
      <c r="G470" s="46">
        <v>4.4000000000000004</v>
      </c>
      <c r="H470" s="46">
        <v>13.3</v>
      </c>
      <c r="I470" s="46">
        <v>2.2000000000000002</v>
      </c>
      <c r="J470" s="46">
        <v>20</v>
      </c>
      <c r="K470" s="46">
        <v>6.7</v>
      </c>
      <c r="L470" s="46">
        <v>0</v>
      </c>
      <c r="M470" s="46">
        <v>0</v>
      </c>
      <c r="N470" s="47">
        <v>0</v>
      </c>
    </row>
    <row r="471" spans="1:25" x14ac:dyDescent="0.2">
      <c r="B471" s="76"/>
      <c r="C471" s="39" t="s">
        <v>53</v>
      </c>
      <c r="D471" s="45">
        <v>56</v>
      </c>
      <c r="E471" s="46">
        <v>48.2</v>
      </c>
      <c r="F471" s="46">
        <v>12.5</v>
      </c>
      <c r="G471" s="46">
        <v>8.9</v>
      </c>
      <c r="H471" s="46">
        <v>8.9</v>
      </c>
      <c r="I471" s="46">
        <v>3.6</v>
      </c>
      <c r="J471" s="46">
        <v>10.7</v>
      </c>
      <c r="K471" s="46">
        <v>5.4</v>
      </c>
      <c r="L471" s="46">
        <v>1.8</v>
      </c>
      <c r="M471" s="46">
        <v>0</v>
      </c>
      <c r="N471" s="47">
        <v>0</v>
      </c>
    </row>
    <row r="472" spans="1:25" ht="21.6" x14ac:dyDescent="0.2">
      <c r="B472" s="76"/>
      <c r="C472" s="39" t="s">
        <v>54</v>
      </c>
      <c r="D472" s="45">
        <v>116</v>
      </c>
      <c r="E472" s="46">
        <v>48.3</v>
      </c>
      <c r="F472" s="46">
        <v>6.9</v>
      </c>
      <c r="G472" s="46">
        <v>6.9</v>
      </c>
      <c r="H472" s="46">
        <v>6</v>
      </c>
      <c r="I472" s="46">
        <v>1.7</v>
      </c>
      <c r="J472" s="46">
        <v>21.6</v>
      </c>
      <c r="K472" s="46">
        <v>8.6</v>
      </c>
      <c r="L472" s="46">
        <v>0</v>
      </c>
      <c r="M472" s="46">
        <v>0</v>
      </c>
      <c r="N472" s="47">
        <v>0</v>
      </c>
    </row>
    <row r="473" spans="1:25" ht="21.6" x14ac:dyDescent="0.2">
      <c r="B473" s="76"/>
      <c r="C473" s="39" t="s">
        <v>55</v>
      </c>
      <c r="D473" s="45">
        <v>147</v>
      </c>
      <c r="E473" s="46">
        <v>43.5</v>
      </c>
      <c r="F473" s="46">
        <v>3.4</v>
      </c>
      <c r="G473" s="46">
        <v>4.0999999999999996</v>
      </c>
      <c r="H473" s="46">
        <v>5.4</v>
      </c>
      <c r="I473" s="46">
        <v>2</v>
      </c>
      <c r="J473" s="46">
        <v>29.9</v>
      </c>
      <c r="K473" s="46">
        <v>9.5</v>
      </c>
      <c r="L473" s="46">
        <v>2</v>
      </c>
      <c r="M473" s="46">
        <v>0</v>
      </c>
      <c r="N473" s="47">
        <v>0</v>
      </c>
    </row>
    <row r="474" spans="1:25" ht="21.6" x14ac:dyDescent="0.2">
      <c r="B474" s="76"/>
      <c r="C474" s="39" t="s">
        <v>56</v>
      </c>
      <c r="D474" s="45">
        <v>195</v>
      </c>
      <c r="E474" s="46">
        <v>43.6</v>
      </c>
      <c r="F474" s="46">
        <v>5.6</v>
      </c>
      <c r="G474" s="46">
        <v>4.5999999999999996</v>
      </c>
      <c r="H474" s="46">
        <v>6.7</v>
      </c>
      <c r="I474" s="46">
        <v>2.1</v>
      </c>
      <c r="J474" s="46">
        <v>26.7</v>
      </c>
      <c r="K474" s="46">
        <v>9.1999999999999993</v>
      </c>
      <c r="L474" s="46">
        <v>1.5</v>
      </c>
      <c r="M474" s="46">
        <v>0</v>
      </c>
      <c r="N474" s="47">
        <v>0</v>
      </c>
    </row>
    <row r="475" spans="1:25" x14ac:dyDescent="0.2">
      <c r="B475" s="76"/>
      <c r="C475" s="40" t="s">
        <v>57</v>
      </c>
      <c r="D475" s="48">
        <v>152</v>
      </c>
      <c r="E475" s="49">
        <v>47.4</v>
      </c>
      <c r="F475" s="49">
        <v>8.6</v>
      </c>
      <c r="G475" s="49">
        <v>7.9</v>
      </c>
      <c r="H475" s="49">
        <v>9.1999999999999993</v>
      </c>
      <c r="I475" s="49">
        <v>2</v>
      </c>
      <c r="J475" s="49">
        <v>18.399999999999999</v>
      </c>
      <c r="K475" s="49">
        <v>5.9</v>
      </c>
      <c r="L475" s="49">
        <v>0.7</v>
      </c>
      <c r="M475" s="49">
        <v>0</v>
      </c>
      <c r="N475" s="50">
        <v>0</v>
      </c>
    </row>
    <row r="477" spans="1:25" x14ac:dyDescent="0.2">
      <c r="C477" t="s">
        <v>35</v>
      </c>
    </row>
    <row r="478" spans="1:25" x14ac:dyDescent="0.2">
      <c r="B478" s="74" t="s">
        <v>186</v>
      </c>
      <c r="C478" s="75"/>
      <c r="D478" s="75"/>
      <c r="E478" s="75"/>
      <c r="F478" s="75"/>
      <c r="G478" s="75"/>
      <c r="H478" s="75"/>
      <c r="I478" s="75"/>
      <c r="J478" s="75"/>
      <c r="K478" s="75"/>
      <c r="L478" s="75"/>
      <c r="M478" s="75"/>
      <c r="N478" s="75"/>
      <c r="O478" s="75"/>
      <c r="P478" s="75"/>
      <c r="Q478" s="75"/>
      <c r="R478" s="75"/>
      <c r="S478" s="75"/>
      <c r="T478" s="75"/>
      <c r="U478" s="75"/>
      <c r="V478" s="75"/>
      <c r="W478" s="75"/>
      <c r="X478" s="75"/>
      <c r="Y478" s="75"/>
    </row>
    <row r="479" spans="1:25" s="32" customFormat="1" ht="101.25" customHeight="1" x14ac:dyDescent="0.15">
      <c r="A479" s="31"/>
      <c r="D479" s="33" t="s">
        <v>242</v>
      </c>
      <c r="E479" s="35" t="s">
        <v>267</v>
      </c>
      <c r="F479" s="36" t="s">
        <v>268</v>
      </c>
      <c r="G479" s="36" t="s">
        <v>269</v>
      </c>
      <c r="H479" s="36" t="s">
        <v>270</v>
      </c>
      <c r="I479" s="36" t="s">
        <v>271</v>
      </c>
      <c r="J479" s="36" t="s">
        <v>272</v>
      </c>
      <c r="K479" s="36" t="s">
        <v>273</v>
      </c>
      <c r="L479" s="36" t="s">
        <v>274</v>
      </c>
      <c r="M479" s="36" t="s">
        <v>275</v>
      </c>
      <c r="N479" s="37" t="s">
        <v>276</v>
      </c>
      <c r="O479" s="34" t="s">
        <v>251</v>
      </c>
    </row>
    <row r="480" spans="1:25" ht="21.6" x14ac:dyDescent="0.2">
      <c r="B480" s="76" t="s">
        <v>37</v>
      </c>
      <c r="C480" s="38" t="s">
        <v>58</v>
      </c>
      <c r="D480" s="51">
        <v>160</v>
      </c>
      <c r="E480" s="52">
        <v>39.4</v>
      </c>
      <c r="F480" s="52">
        <v>8.8000000000000007</v>
      </c>
      <c r="G480" s="52">
        <v>5</v>
      </c>
      <c r="H480" s="52">
        <v>9.4</v>
      </c>
      <c r="I480" s="52">
        <v>3.1</v>
      </c>
      <c r="J480" s="52">
        <v>25</v>
      </c>
      <c r="K480" s="52">
        <v>7.5</v>
      </c>
      <c r="L480" s="52">
        <v>1.9</v>
      </c>
      <c r="M480" s="52">
        <v>0</v>
      </c>
      <c r="N480" s="53">
        <v>0</v>
      </c>
    </row>
    <row r="481" spans="2:14" ht="21.6" x14ac:dyDescent="0.2">
      <c r="B481" s="76"/>
      <c r="C481" s="39" t="s">
        <v>59</v>
      </c>
      <c r="D481" s="45">
        <v>231</v>
      </c>
      <c r="E481" s="46">
        <v>49.4</v>
      </c>
      <c r="F481" s="46">
        <v>6.1</v>
      </c>
      <c r="G481" s="46">
        <v>6.9</v>
      </c>
      <c r="H481" s="46">
        <v>5.2</v>
      </c>
      <c r="I481" s="46">
        <v>1.3</v>
      </c>
      <c r="J481" s="46">
        <v>22.1</v>
      </c>
      <c r="K481" s="46">
        <v>8.6999999999999993</v>
      </c>
      <c r="L481" s="46">
        <v>0.4</v>
      </c>
      <c r="M481" s="46">
        <v>0</v>
      </c>
      <c r="N481" s="47">
        <v>0</v>
      </c>
    </row>
    <row r="482" spans="2:14" x14ac:dyDescent="0.2">
      <c r="B482" s="76"/>
      <c r="C482" s="39" t="s">
        <v>60</v>
      </c>
      <c r="D482" s="45">
        <v>273</v>
      </c>
      <c r="E482" s="46">
        <v>44.7</v>
      </c>
      <c r="F482" s="46">
        <v>6.6</v>
      </c>
      <c r="G482" s="46">
        <v>7.7</v>
      </c>
      <c r="H482" s="46">
        <v>4.8</v>
      </c>
      <c r="I482" s="46">
        <v>1.8</v>
      </c>
      <c r="J482" s="46">
        <v>26</v>
      </c>
      <c r="K482" s="46">
        <v>8.1</v>
      </c>
      <c r="L482" s="46">
        <v>0.4</v>
      </c>
      <c r="M482" s="46">
        <v>0</v>
      </c>
      <c r="N482" s="47">
        <v>0</v>
      </c>
    </row>
    <row r="483" spans="2:14" x14ac:dyDescent="0.2">
      <c r="B483" s="76"/>
      <c r="C483" s="39" t="s">
        <v>61</v>
      </c>
      <c r="D483" s="45">
        <v>118</v>
      </c>
      <c r="E483" s="46">
        <v>46.6</v>
      </c>
      <c r="F483" s="46">
        <v>8.5</v>
      </c>
      <c r="G483" s="46">
        <v>2.5</v>
      </c>
      <c r="H483" s="46">
        <v>11.9</v>
      </c>
      <c r="I483" s="46">
        <v>2.5</v>
      </c>
      <c r="J483" s="46">
        <v>16.899999999999999</v>
      </c>
      <c r="K483" s="46">
        <v>8.5</v>
      </c>
      <c r="L483" s="46">
        <v>2.5</v>
      </c>
      <c r="M483" s="46">
        <v>0</v>
      </c>
      <c r="N483" s="47">
        <v>0</v>
      </c>
    </row>
    <row r="484" spans="2:14" x14ac:dyDescent="0.2">
      <c r="B484" s="76"/>
      <c r="C484" s="39" t="s">
        <v>62</v>
      </c>
      <c r="D484" s="45">
        <v>230</v>
      </c>
      <c r="E484" s="46">
        <v>41.3</v>
      </c>
      <c r="F484" s="46">
        <v>6.1</v>
      </c>
      <c r="G484" s="46">
        <v>5.7</v>
      </c>
      <c r="H484" s="46">
        <v>8.3000000000000007</v>
      </c>
      <c r="I484" s="46">
        <v>2.6</v>
      </c>
      <c r="J484" s="46">
        <v>25.2</v>
      </c>
      <c r="K484" s="46">
        <v>10</v>
      </c>
      <c r="L484" s="46">
        <v>0.9</v>
      </c>
      <c r="M484" s="46">
        <v>0</v>
      </c>
      <c r="N484" s="47">
        <v>0</v>
      </c>
    </row>
    <row r="485" spans="2:14" ht="21.6" x14ac:dyDescent="0.2">
      <c r="B485" s="76"/>
      <c r="C485" s="39" t="s">
        <v>63</v>
      </c>
      <c r="D485" s="45">
        <v>40</v>
      </c>
      <c r="E485" s="46">
        <v>25</v>
      </c>
      <c r="F485" s="46">
        <v>5</v>
      </c>
      <c r="G485" s="46">
        <v>12.5</v>
      </c>
      <c r="H485" s="46">
        <v>5</v>
      </c>
      <c r="I485" s="46">
        <v>7.5</v>
      </c>
      <c r="J485" s="46">
        <v>30</v>
      </c>
      <c r="K485" s="46">
        <v>15</v>
      </c>
      <c r="L485" s="46">
        <v>0</v>
      </c>
      <c r="M485" s="46">
        <v>0</v>
      </c>
      <c r="N485" s="47">
        <v>0</v>
      </c>
    </row>
    <row r="486" spans="2:14" x14ac:dyDescent="0.2">
      <c r="B486" s="76"/>
      <c r="C486" s="39" t="s">
        <v>64</v>
      </c>
      <c r="D486" s="45">
        <v>54</v>
      </c>
      <c r="E486" s="46">
        <v>33.299999999999997</v>
      </c>
      <c r="F486" s="46">
        <v>9.3000000000000007</v>
      </c>
      <c r="G486" s="46">
        <v>7.4</v>
      </c>
      <c r="H486" s="46">
        <v>13</v>
      </c>
      <c r="I486" s="46">
        <v>0</v>
      </c>
      <c r="J486" s="46">
        <v>25.9</v>
      </c>
      <c r="K486" s="46">
        <v>9.3000000000000007</v>
      </c>
      <c r="L486" s="46">
        <v>1.9</v>
      </c>
      <c r="M486" s="46">
        <v>0</v>
      </c>
      <c r="N486" s="47">
        <v>0</v>
      </c>
    </row>
    <row r="487" spans="2:14" x14ac:dyDescent="0.2">
      <c r="B487" s="76"/>
      <c r="C487" s="39" t="s">
        <v>65</v>
      </c>
      <c r="D487" s="45">
        <v>74</v>
      </c>
      <c r="E487" s="46">
        <v>40.5</v>
      </c>
      <c r="F487" s="46">
        <v>5.4</v>
      </c>
      <c r="G487" s="46">
        <v>4.0999999999999996</v>
      </c>
      <c r="H487" s="46">
        <v>13.5</v>
      </c>
      <c r="I487" s="46">
        <v>2.7</v>
      </c>
      <c r="J487" s="46">
        <v>24.3</v>
      </c>
      <c r="K487" s="46">
        <v>8.1</v>
      </c>
      <c r="L487" s="46">
        <v>1.4</v>
      </c>
      <c r="M487" s="46">
        <v>0</v>
      </c>
      <c r="N487" s="47">
        <v>0</v>
      </c>
    </row>
    <row r="488" spans="2:14" x14ac:dyDescent="0.2">
      <c r="B488" s="76"/>
      <c r="C488" s="39" t="s">
        <v>66</v>
      </c>
      <c r="D488" s="45">
        <v>49</v>
      </c>
      <c r="E488" s="46">
        <v>63.3</v>
      </c>
      <c r="F488" s="46">
        <v>6.1</v>
      </c>
      <c r="G488" s="46">
        <v>0</v>
      </c>
      <c r="H488" s="46">
        <v>0</v>
      </c>
      <c r="I488" s="46">
        <v>0</v>
      </c>
      <c r="J488" s="46">
        <v>20.399999999999999</v>
      </c>
      <c r="K488" s="46">
        <v>10.199999999999999</v>
      </c>
      <c r="L488" s="46">
        <v>0</v>
      </c>
      <c r="M488" s="46">
        <v>0</v>
      </c>
      <c r="N488" s="47">
        <v>0</v>
      </c>
    </row>
    <row r="489" spans="2:14" x14ac:dyDescent="0.2">
      <c r="B489" s="76"/>
      <c r="C489" s="39" t="s">
        <v>67</v>
      </c>
      <c r="D489" s="45">
        <v>13</v>
      </c>
      <c r="E489" s="46">
        <v>46.2</v>
      </c>
      <c r="F489" s="46">
        <v>0</v>
      </c>
      <c r="G489" s="46">
        <v>7.7</v>
      </c>
      <c r="H489" s="46">
        <v>0</v>
      </c>
      <c r="I489" s="46">
        <v>7.7</v>
      </c>
      <c r="J489" s="46">
        <v>30.8</v>
      </c>
      <c r="K489" s="46">
        <v>7.7</v>
      </c>
      <c r="L489" s="46">
        <v>0</v>
      </c>
      <c r="M489" s="46">
        <v>0</v>
      </c>
      <c r="N489" s="47">
        <v>0</v>
      </c>
    </row>
    <row r="490" spans="2:14" x14ac:dyDescent="0.2">
      <c r="B490" s="76"/>
      <c r="C490" s="39" t="s">
        <v>68</v>
      </c>
      <c r="D490" s="45">
        <v>209</v>
      </c>
      <c r="E490" s="46">
        <v>40.700000000000003</v>
      </c>
      <c r="F490" s="46">
        <v>6.2</v>
      </c>
      <c r="G490" s="46">
        <v>6.2</v>
      </c>
      <c r="H490" s="46">
        <v>8.6</v>
      </c>
      <c r="I490" s="46">
        <v>2.4</v>
      </c>
      <c r="J490" s="46">
        <v>26.3</v>
      </c>
      <c r="K490" s="46">
        <v>8.6</v>
      </c>
      <c r="L490" s="46">
        <v>1</v>
      </c>
      <c r="M490" s="46">
        <v>0</v>
      </c>
      <c r="N490" s="47">
        <v>0</v>
      </c>
    </row>
    <row r="491" spans="2:14" x14ac:dyDescent="0.2">
      <c r="B491" s="76"/>
      <c r="C491" s="39" t="s">
        <v>69</v>
      </c>
      <c r="D491" s="45">
        <v>21</v>
      </c>
      <c r="E491" s="46">
        <v>47.6</v>
      </c>
      <c r="F491" s="46">
        <v>4.8</v>
      </c>
      <c r="G491" s="46">
        <v>0</v>
      </c>
      <c r="H491" s="46">
        <v>4.8</v>
      </c>
      <c r="I491" s="46">
        <v>4.8</v>
      </c>
      <c r="J491" s="46">
        <v>14.3</v>
      </c>
      <c r="K491" s="46">
        <v>23.8</v>
      </c>
      <c r="L491" s="46">
        <v>0</v>
      </c>
      <c r="M491" s="46">
        <v>0</v>
      </c>
      <c r="N491" s="47">
        <v>0</v>
      </c>
    </row>
    <row r="492" spans="2:14" x14ac:dyDescent="0.2">
      <c r="B492" s="76"/>
      <c r="C492" s="39" t="s">
        <v>70</v>
      </c>
      <c r="D492" s="45">
        <v>161</v>
      </c>
      <c r="E492" s="46">
        <v>50.9</v>
      </c>
      <c r="F492" s="46">
        <v>8.6999999999999993</v>
      </c>
      <c r="G492" s="46">
        <v>6.8</v>
      </c>
      <c r="H492" s="46">
        <v>5</v>
      </c>
      <c r="I492" s="46">
        <v>1.2</v>
      </c>
      <c r="J492" s="46">
        <v>20.5</v>
      </c>
      <c r="K492" s="46">
        <v>5.6</v>
      </c>
      <c r="L492" s="46">
        <v>1.2</v>
      </c>
      <c r="M492" s="46">
        <v>0</v>
      </c>
      <c r="N492" s="47">
        <v>0</v>
      </c>
    </row>
    <row r="493" spans="2:14" ht="21.6" x14ac:dyDescent="0.2">
      <c r="B493" s="76"/>
      <c r="C493" s="39" t="s">
        <v>63</v>
      </c>
      <c r="D493" s="45">
        <v>28</v>
      </c>
      <c r="E493" s="46">
        <v>50</v>
      </c>
      <c r="F493" s="46">
        <v>7.1</v>
      </c>
      <c r="G493" s="46">
        <v>7.1</v>
      </c>
      <c r="H493" s="46">
        <v>0</v>
      </c>
      <c r="I493" s="46">
        <v>0</v>
      </c>
      <c r="J493" s="46">
        <v>25</v>
      </c>
      <c r="K493" s="46">
        <v>10.7</v>
      </c>
      <c r="L493" s="46">
        <v>0</v>
      </c>
      <c r="M493" s="46">
        <v>0</v>
      </c>
      <c r="N493" s="47">
        <v>0</v>
      </c>
    </row>
    <row r="494" spans="2:14" x14ac:dyDescent="0.2">
      <c r="B494" s="76"/>
      <c r="C494" s="39" t="s">
        <v>64</v>
      </c>
      <c r="D494" s="45">
        <v>40</v>
      </c>
      <c r="E494" s="46">
        <v>57.5</v>
      </c>
      <c r="F494" s="46">
        <v>10</v>
      </c>
      <c r="G494" s="46">
        <v>2.5</v>
      </c>
      <c r="H494" s="46">
        <v>0</v>
      </c>
      <c r="I494" s="46">
        <v>0</v>
      </c>
      <c r="J494" s="46">
        <v>25</v>
      </c>
      <c r="K494" s="46">
        <v>5</v>
      </c>
      <c r="L494" s="46">
        <v>0</v>
      </c>
      <c r="M494" s="46">
        <v>0</v>
      </c>
      <c r="N494" s="47">
        <v>0</v>
      </c>
    </row>
    <row r="495" spans="2:14" x14ac:dyDescent="0.2">
      <c r="B495" s="76"/>
      <c r="C495" s="39" t="s">
        <v>65</v>
      </c>
      <c r="D495" s="45">
        <v>51</v>
      </c>
      <c r="E495" s="46">
        <v>52.9</v>
      </c>
      <c r="F495" s="46">
        <v>3.9</v>
      </c>
      <c r="G495" s="46">
        <v>7.8</v>
      </c>
      <c r="H495" s="46">
        <v>9.8000000000000007</v>
      </c>
      <c r="I495" s="46">
        <v>3.9</v>
      </c>
      <c r="J495" s="46">
        <v>15.7</v>
      </c>
      <c r="K495" s="46">
        <v>3.9</v>
      </c>
      <c r="L495" s="46">
        <v>2</v>
      </c>
      <c r="M495" s="46">
        <v>0</v>
      </c>
      <c r="N495" s="47">
        <v>0</v>
      </c>
    </row>
    <row r="496" spans="2:14" x14ac:dyDescent="0.2">
      <c r="B496" s="76"/>
      <c r="C496" s="39" t="s">
        <v>66</v>
      </c>
      <c r="D496" s="45">
        <v>31</v>
      </c>
      <c r="E496" s="46">
        <v>41.9</v>
      </c>
      <c r="F496" s="46">
        <v>12.9</v>
      </c>
      <c r="G496" s="46">
        <v>9.6999999999999993</v>
      </c>
      <c r="H496" s="46">
        <v>6.5</v>
      </c>
      <c r="I496" s="46">
        <v>0</v>
      </c>
      <c r="J496" s="46">
        <v>25.8</v>
      </c>
      <c r="K496" s="46">
        <v>3.2</v>
      </c>
      <c r="L496" s="46">
        <v>0</v>
      </c>
      <c r="M496" s="46">
        <v>0</v>
      </c>
      <c r="N496" s="47">
        <v>0</v>
      </c>
    </row>
    <row r="497" spans="1:25" x14ac:dyDescent="0.2">
      <c r="B497" s="76"/>
      <c r="C497" s="39" t="s">
        <v>67</v>
      </c>
      <c r="D497" s="45">
        <v>11</v>
      </c>
      <c r="E497" s="46">
        <v>45.5</v>
      </c>
      <c r="F497" s="46">
        <v>18.2</v>
      </c>
      <c r="G497" s="46">
        <v>9.1</v>
      </c>
      <c r="H497" s="46">
        <v>9.1</v>
      </c>
      <c r="I497" s="46">
        <v>0</v>
      </c>
      <c r="J497" s="46">
        <v>0</v>
      </c>
      <c r="K497" s="46">
        <v>9.1</v>
      </c>
      <c r="L497" s="46">
        <v>9.1</v>
      </c>
      <c r="M497" s="46">
        <v>0</v>
      </c>
      <c r="N497" s="47">
        <v>0</v>
      </c>
    </row>
    <row r="498" spans="1:25" x14ac:dyDescent="0.2">
      <c r="B498" s="76"/>
      <c r="C498" s="39" t="s">
        <v>68</v>
      </c>
      <c r="D498" s="45">
        <v>96</v>
      </c>
      <c r="E498" s="46">
        <v>50</v>
      </c>
      <c r="F498" s="46">
        <v>6.3</v>
      </c>
      <c r="G498" s="46">
        <v>2.1</v>
      </c>
      <c r="H498" s="46">
        <v>6.3</v>
      </c>
      <c r="I498" s="46">
        <v>1</v>
      </c>
      <c r="J498" s="46">
        <v>28.1</v>
      </c>
      <c r="K498" s="46">
        <v>5.2</v>
      </c>
      <c r="L498" s="46">
        <v>1</v>
      </c>
      <c r="M498" s="46">
        <v>0</v>
      </c>
      <c r="N498" s="47">
        <v>0</v>
      </c>
    </row>
    <row r="499" spans="1:25" x14ac:dyDescent="0.2">
      <c r="B499" s="76"/>
      <c r="C499" s="40" t="s">
        <v>69</v>
      </c>
      <c r="D499" s="48">
        <v>65</v>
      </c>
      <c r="E499" s="49">
        <v>52.3</v>
      </c>
      <c r="F499" s="49">
        <v>12.3</v>
      </c>
      <c r="G499" s="49">
        <v>13.8</v>
      </c>
      <c r="H499" s="49">
        <v>3.1</v>
      </c>
      <c r="I499" s="49">
        <v>1.5</v>
      </c>
      <c r="J499" s="49">
        <v>9.1999999999999993</v>
      </c>
      <c r="K499" s="49">
        <v>6.2</v>
      </c>
      <c r="L499" s="49">
        <v>1.5</v>
      </c>
      <c r="M499" s="49">
        <v>0</v>
      </c>
      <c r="N499" s="50">
        <v>0</v>
      </c>
    </row>
    <row r="501" spans="1:25" x14ac:dyDescent="0.2">
      <c r="A501" s="26" t="s">
        <v>25</v>
      </c>
      <c r="B501" t="s">
        <v>35</v>
      </c>
      <c r="C501" t="s">
        <v>35</v>
      </c>
    </row>
    <row r="502" spans="1:25" x14ac:dyDescent="0.2">
      <c r="B502" s="74" t="s">
        <v>87</v>
      </c>
      <c r="C502" s="75"/>
      <c r="D502" s="75"/>
      <c r="E502" s="75"/>
      <c r="F502" s="75"/>
      <c r="G502" s="75"/>
      <c r="H502" s="75"/>
      <c r="I502" s="75"/>
      <c r="J502" s="75"/>
      <c r="K502" s="75"/>
      <c r="L502" s="75"/>
      <c r="M502" s="75"/>
      <c r="N502" s="75"/>
      <c r="O502" s="75"/>
      <c r="P502" s="75"/>
      <c r="Q502" s="75"/>
      <c r="R502" s="75"/>
      <c r="S502" s="75"/>
      <c r="T502" s="75"/>
      <c r="U502" s="75"/>
      <c r="V502" s="75"/>
      <c r="W502" s="75"/>
      <c r="X502" s="75"/>
      <c r="Y502" s="75"/>
    </row>
    <row r="503" spans="1:25" s="32" customFormat="1" ht="36.450000000000003" customHeight="1" x14ac:dyDescent="0.15">
      <c r="A503" s="31"/>
      <c r="D503" s="33" t="s">
        <v>242</v>
      </c>
      <c r="E503" s="35" t="s">
        <v>277</v>
      </c>
      <c r="F503" s="36" t="s">
        <v>278</v>
      </c>
      <c r="G503" s="36" t="s">
        <v>279</v>
      </c>
      <c r="H503" s="36" t="s">
        <v>280</v>
      </c>
      <c r="I503" s="36" t="s">
        <v>281</v>
      </c>
      <c r="J503" s="37" t="s">
        <v>276</v>
      </c>
      <c r="K503" s="34" t="s">
        <v>251</v>
      </c>
    </row>
    <row r="504" spans="1:25" x14ac:dyDescent="0.2">
      <c r="B504" s="5"/>
      <c r="C504" s="41" t="s">
        <v>38</v>
      </c>
      <c r="D504" s="42">
        <v>2000</v>
      </c>
      <c r="E504" s="43">
        <v>2</v>
      </c>
      <c r="F504" s="43">
        <v>13.5</v>
      </c>
      <c r="G504" s="43">
        <v>57.6</v>
      </c>
      <c r="H504" s="43">
        <v>5.9</v>
      </c>
      <c r="I504" s="43">
        <v>3.4</v>
      </c>
      <c r="J504" s="44">
        <v>17.7</v>
      </c>
    </row>
    <row r="505" spans="1:25" x14ac:dyDescent="0.2">
      <c r="B505" s="76" t="s">
        <v>37</v>
      </c>
      <c r="C505" s="39" t="s">
        <v>39</v>
      </c>
      <c r="D505" s="45">
        <v>111</v>
      </c>
      <c r="E505" s="46">
        <v>6.3</v>
      </c>
      <c r="F505" s="46">
        <v>10.8</v>
      </c>
      <c r="G505" s="46">
        <v>64</v>
      </c>
      <c r="H505" s="46">
        <v>5.4</v>
      </c>
      <c r="I505" s="46">
        <v>4.5</v>
      </c>
      <c r="J505" s="47">
        <v>9</v>
      </c>
    </row>
    <row r="506" spans="1:25" x14ac:dyDescent="0.2">
      <c r="B506" s="76"/>
      <c r="C506" s="39" t="s">
        <v>40</v>
      </c>
      <c r="D506" s="45">
        <v>450</v>
      </c>
      <c r="E506" s="46">
        <v>2.2000000000000002</v>
      </c>
      <c r="F506" s="46">
        <v>16.399999999999999</v>
      </c>
      <c r="G506" s="46">
        <v>58.7</v>
      </c>
      <c r="H506" s="46">
        <v>6.7</v>
      </c>
      <c r="I506" s="46">
        <v>3.6</v>
      </c>
      <c r="J506" s="47">
        <v>12.4</v>
      </c>
    </row>
    <row r="507" spans="1:25" ht="21.6" x14ac:dyDescent="0.2">
      <c r="B507" s="76"/>
      <c r="C507" s="39" t="s">
        <v>41</v>
      </c>
      <c r="D507" s="45">
        <v>30</v>
      </c>
      <c r="E507" s="46">
        <v>3.3</v>
      </c>
      <c r="F507" s="46">
        <v>6.7</v>
      </c>
      <c r="G507" s="46">
        <v>56.7</v>
      </c>
      <c r="H507" s="46">
        <v>3.3</v>
      </c>
      <c r="I507" s="46">
        <v>6.7</v>
      </c>
      <c r="J507" s="47">
        <v>23.3</v>
      </c>
    </row>
    <row r="508" spans="1:25" ht="21.6" x14ac:dyDescent="0.2">
      <c r="B508" s="76"/>
      <c r="C508" s="39" t="s">
        <v>42</v>
      </c>
      <c r="D508" s="45">
        <v>336</v>
      </c>
      <c r="E508" s="46">
        <v>2.1</v>
      </c>
      <c r="F508" s="46">
        <v>14</v>
      </c>
      <c r="G508" s="46">
        <v>57.1</v>
      </c>
      <c r="H508" s="46">
        <v>5.7</v>
      </c>
      <c r="I508" s="46">
        <v>2.4</v>
      </c>
      <c r="J508" s="47">
        <v>18.8</v>
      </c>
    </row>
    <row r="509" spans="1:25" ht="21.6" x14ac:dyDescent="0.2">
      <c r="B509" s="76"/>
      <c r="C509" s="39" t="s">
        <v>43</v>
      </c>
      <c r="D509" s="45">
        <v>327</v>
      </c>
      <c r="E509" s="46">
        <v>0.6</v>
      </c>
      <c r="F509" s="46">
        <v>12.5</v>
      </c>
      <c r="G509" s="46">
        <v>56.6</v>
      </c>
      <c r="H509" s="46">
        <v>5.2</v>
      </c>
      <c r="I509" s="46">
        <v>4.3</v>
      </c>
      <c r="J509" s="47">
        <v>20.8</v>
      </c>
    </row>
    <row r="510" spans="1:25" ht="21.6" x14ac:dyDescent="0.2">
      <c r="B510" s="76"/>
      <c r="C510" s="39" t="s">
        <v>44</v>
      </c>
      <c r="D510" s="45">
        <v>181</v>
      </c>
      <c r="E510" s="46">
        <v>1.7</v>
      </c>
      <c r="F510" s="46">
        <v>17.100000000000001</v>
      </c>
      <c r="G510" s="46">
        <v>55.2</v>
      </c>
      <c r="H510" s="46">
        <v>7.7</v>
      </c>
      <c r="I510" s="46">
        <v>2.2000000000000002</v>
      </c>
      <c r="J510" s="47">
        <v>16</v>
      </c>
    </row>
    <row r="511" spans="1:25" ht="21.6" x14ac:dyDescent="0.2">
      <c r="B511" s="76"/>
      <c r="C511" s="39" t="s">
        <v>45</v>
      </c>
      <c r="D511" s="45">
        <v>565</v>
      </c>
      <c r="E511" s="46">
        <v>1.8</v>
      </c>
      <c r="F511" s="46">
        <v>11.2</v>
      </c>
      <c r="G511" s="46">
        <v>57</v>
      </c>
      <c r="H511" s="46">
        <v>5.5</v>
      </c>
      <c r="I511" s="46">
        <v>3.4</v>
      </c>
      <c r="J511" s="47">
        <v>21.2</v>
      </c>
    </row>
    <row r="512" spans="1:25" ht="21.6" x14ac:dyDescent="0.2">
      <c r="B512" s="76"/>
      <c r="C512" s="39" t="s">
        <v>46</v>
      </c>
      <c r="D512" s="45">
        <v>473</v>
      </c>
      <c r="E512" s="46">
        <v>2.1</v>
      </c>
      <c r="F512" s="46">
        <v>9.6999999999999993</v>
      </c>
      <c r="G512" s="46">
        <v>53.7</v>
      </c>
      <c r="H512" s="46">
        <v>5.0999999999999996</v>
      </c>
      <c r="I512" s="46">
        <v>5.5</v>
      </c>
      <c r="J512" s="47">
        <v>23.9</v>
      </c>
    </row>
    <row r="513" spans="2:25" ht="21.6" x14ac:dyDescent="0.2">
      <c r="B513" s="76"/>
      <c r="C513" s="39" t="s">
        <v>47</v>
      </c>
      <c r="D513" s="45">
        <v>441</v>
      </c>
      <c r="E513" s="46">
        <v>2.2999999999999998</v>
      </c>
      <c r="F513" s="46">
        <v>14.1</v>
      </c>
      <c r="G513" s="46">
        <v>60.1</v>
      </c>
      <c r="H513" s="46">
        <v>7.5</v>
      </c>
      <c r="I513" s="46">
        <v>2.9</v>
      </c>
      <c r="J513" s="47">
        <v>13.2</v>
      </c>
    </row>
    <row r="514" spans="2:25" ht="21.6" x14ac:dyDescent="0.2">
      <c r="B514" s="76"/>
      <c r="C514" s="39" t="s">
        <v>48</v>
      </c>
      <c r="D514" s="45">
        <v>305</v>
      </c>
      <c r="E514" s="46">
        <v>1.3</v>
      </c>
      <c r="F514" s="46">
        <v>13.1</v>
      </c>
      <c r="G514" s="46">
        <v>65.2</v>
      </c>
      <c r="H514" s="46">
        <v>8.9</v>
      </c>
      <c r="I514" s="46">
        <v>1.3</v>
      </c>
      <c r="J514" s="47">
        <v>10.199999999999999</v>
      </c>
    </row>
    <row r="515" spans="2:25" ht="21.6" x14ac:dyDescent="0.2">
      <c r="B515" s="76"/>
      <c r="C515" s="39" t="s">
        <v>49</v>
      </c>
      <c r="D515" s="45">
        <v>223</v>
      </c>
      <c r="E515" s="46">
        <v>3.6</v>
      </c>
      <c r="F515" s="46">
        <v>20.2</v>
      </c>
      <c r="G515" s="46">
        <v>56.5</v>
      </c>
      <c r="H515" s="46">
        <v>7.2</v>
      </c>
      <c r="I515" s="46">
        <v>1.8</v>
      </c>
      <c r="J515" s="47">
        <v>10.8</v>
      </c>
    </row>
    <row r="516" spans="2:25" ht="21.6" x14ac:dyDescent="0.2">
      <c r="B516" s="76"/>
      <c r="C516" s="39" t="s">
        <v>50</v>
      </c>
      <c r="D516" s="45">
        <v>123</v>
      </c>
      <c r="E516" s="46">
        <v>0.8</v>
      </c>
      <c r="F516" s="46">
        <v>22</v>
      </c>
      <c r="G516" s="46">
        <v>64.2</v>
      </c>
      <c r="H516" s="46">
        <v>2.4</v>
      </c>
      <c r="I516" s="46">
        <v>2.4</v>
      </c>
      <c r="J516" s="47">
        <v>8.1</v>
      </c>
    </row>
    <row r="517" spans="2:25" ht="21.6" x14ac:dyDescent="0.2">
      <c r="B517" s="76"/>
      <c r="C517" s="39" t="s">
        <v>51</v>
      </c>
      <c r="D517" s="45">
        <v>124</v>
      </c>
      <c r="E517" s="46">
        <v>1.6</v>
      </c>
      <c r="F517" s="46">
        <v>23.4</v>
      </c>
      <c r="G517" s="46">
        <v>57.3</v>
      </c>
      <c r="H517" s="46">
        <v>4.8</v>
      </c>
      <c r="I517" s="46">
        <v>3.2</v>
      </c>
      <c r="J517" s="47">
        <v>9.6999999999999993</v>
      </c>
    </row>
    <row r="518" spans="2:25" ht="21.6" x14ac:dyDescent="0.2">
      <c r="B518" s="76"/>
      <c r="C518" s="39" t="s">
        <v>52</v>
      </c>
      <c r="D518" s="45">
        <v>312</v>
      </c>
      <c r="E518" s="46">
        <v>1.9</v>
      </c>
      <c r="F518" s="46">
        <v>9</v>
      </c>
      <c r="G518" s="46">
        <v>64.7</v>
      </c>
      <c r="H518" s="46">
        <v>4.8</v>
      </c>
      <c r="I518" s="46">
        <v>4.5</v>
      </c>
      <c r="J518" s="47">
        <v>15.1</v>
      </c>
    </row>
    <row r="519" spans="2:25" x14ac:dyDescent="0.2">
      <c r="B519" s="76"/>
      <c r="C519" s="39" t="s">
        <v>53</v>
      </c>
      <c r="D519" s="45">
        <v>269</v>
      </c>
      <c r="E519" s="46">
        <v>1.5</v>
      </c>
      <c r="F519" s="46">
        <v>11.5</v>
      </c>
      <c r="G519" s="46">
        <v>64.7</v>
      </c>
      <c r="H519" s="46">
        <v>6.7</v>
      </c>
      <c r="I519" s="46">
        <v>2.6</v>
      </c>
      <c r="J519" s="47">
        <v>13</v>
      </c>
    </row>
    <row r="520" spans="2:25" ht="21.6" x14ac:dyDescent="0.2">
      <c r="B520" s="76"/>
      <c r="C520" s="39" t="s">
        <v>54</v>
      </c>
      <c r="D520" s="45">
        <v>511</v>
      </c>
      <c r="E520" s="46">
        <v>2.2999999999999998</v>
      </c>
      <c r="F520" s="46">
        <v>15.5</v>
      </c>
      <c r="G520" s="46">
        <v>57.7</v>
      </c>
      <c r="H520" s="46">
        <v>8.4</v>
      </c>
      <c r="I520" s="46">
        <v>3.7</v>
      </c>
      <c r="J520" s="47">
        <v>12.3</v>
      </c>
    </row>
    <row r="521" spans="2:25" ht="21.6" x14ac:dyDescent="0.2">
      <c r="B521" s="76"/>
      <c r="C521" s="39" t="s">
        <v>55</v>
      </c>
      <c r="D521" s="45">
        <v>615</v>
      </c>
      <c r="E521" s="46">
        <v>2.8</v>
      </c>
      <c r="F521" s="46">
        <v>19.2</v>
      </c>
      <c r="G521" s="46">
        <v>56.3</v>
      </c>
      <c r="H521" s="46">
        <v>5.7</v>
      </c>
      <c r="I521" s="46">
        <v>2.8</v>
      </c>
      <c r="J521" s="47">
        <v>13.3</v>
      </c>
    </row>
    <row r="522" spans="2:25" ht="21.6" x14ac:dyDescent="0.2">
      <c r="B522" s="76"/>
      <c r="C522" s="39" t="s">
        <v>56</v>
      </c>
      <c r="D522" s="45">
        <v>800</v>
      </c>
      <c r="E522" s="46">
        <v>3.3</v>
      </c>
      <c r="F522" s="46">
        <v>18.5</v>
      </c>
      <c r="G522" s="46">
        <v>53.5</v>
      </c>
      <c r="H522" s="46">
        <v>7.3</v>
      </c>
      <c r="I522" s="46">
        <v>3.1</v>
      </c>
      <c r="J522" s="47">
        <v>14.4</v>
      </c>
    </row>
    <row r="523" spans="2:25" x14ac:dyDescent="0.2">
      <c r="B523" s="76"/>
      <c r="C523" s="40" t="s">
        <v>57</v>
      </c>
      <c r="D523" s="48">
        <v>798</v>
      </c>
      <c r="E523" s="49">
        <v>1.3</v>
      </c>
      <c r="F523" s="49">
        <v>12.2</v>
      </c>
      <c r="G523" s="49">
        <v>66.2</v>
      </c>
      <c r="H523" s="49">
        <v>6</v>
      </c>
      <c r="I523" s="49">
        <v>3.4</v>
      </c>
      <c r="J523" s="50">
        <v>11</v>
      </c>
    </row>
    <row r="524" spans="2:25" x14ac:dyDescent="0.2">
      <c r="B524" s="7" t="s">
        <v>71</v>
      </c>
      <c r="C524" s="4" t="s">
        <v>88</v>
      </c>
    </row>
    <row r="525" spans="2:25" x14ac:dyDescent="0.2">
      <c r="B525" s="4"/>
      <c r="C525" s="4" t="s">
        <v>73</v>
      </c>
    </row>
    <row r="527" spans="2:25" x14ac:dyDescent="0.2">
      <c r="C527" t="s">
        <v>35</v>
      </c>
    </row>
    <row r="528" spans="2:25" x14ac:dyDescent="0.2">
      <c r="B528" s="74" t="s">
        <v>187</v>
      </c>
      <c r="C528" s="75"/>
      <c r="D528" s="75"/>
      <c r="E528" s="75"/>
      <c r="F528" s="75"/>
      <c r="G528" s="75"/>
      <c r="H528" s="75"/>
      <c r="I528" s="75"/>
      <c r="J528" s="75"/>
      <c r="K528" s="75"/>
      <c r="L528" s="75"/>
      <c r="M528" s="75"/>
      <c r="N528" s="75"/>
      <c r="O528" s="75"/>
      <c r="P528" s="75"/>
      <c r="Q528" s="75"/>
      <c r="R528" s="75"/>
      <c r="S528" s="75"/>
      <c r="T528" s="75"/>
      <c r="U528" s="75"/>
      <c r="V528" s="75"/>
      <c r="W528" s="75"/>
      <c r="X528" s="75"/>
      <c r="Y528" s="75"/>
    </row>
    <row r="529" spans="1:11" s="32" customFormat="1" ht="36.450000000000003" customHeight="1" x14ac:dyDescent="0.15">
      <c r="A529" s="31"/>
      <c r="D529" s="33" t="s">
        <v>242</v>
      </c>
      <c r="E529" s="35" t="s">
        <v>277</v>
      </c>
      <c r="F529" s="36" t="s">
        <v>278</v>
      </c>
      <c r="G529" s="36" t="s">
        <v>279</v>
      </c>
      <c r="H529" s="36" t="s">
        <v>280</v>
      </c>
      <c r="I529" s="36" t="s">
        <v>281</v>
      </c>
      <c r="J529" s="37" t="s">
        <v>276</v>
      </c>
      <c r="K529" s="34" t="s">
        <v>251</v>
      </c>
    </row>
    <row r="530" spans="1:11" ht="21.6" x14ac:dyDescent="0.2">
      <c r="B530" s="76" t="s">
        <v>37</v>
      </c>
      <c r="C530" s="38" t="s">
        <v>58</v>
      </c>
      <c r="D530" s="51">
        <v>609</v>
      </c>
      <c r="E530" s="52">
        <v>3.4</v>
      </c>
      <c r="F530" s="52">
        <v>17.399999999999999</v>
      </c>
      <c r="G530" s="52">
        <v>52.9</v>
      </c>
      <c r="H530" s="52">
        <v>7.7</v>
      </c>
      <c r="I530" s="52">
        <v>3.6</v>
      </c>
      <c r="J530" s="53">
        <v>14.9</v>
      </c>
    </row>
    <row r="531" spans="1:11" ht="21.6" x14ac:dyDescent="0.2">
      <c r="B531" s="76"/>
      <c r="C531" s="39" t="s">
        <v>59</v>
      </c>
      <c r="D531" s="45">
        <v>1391</v>
      </c>
      <c r="E531" s="46">
        <v>1.4</v>
      </c>
      <c r="F531" s="46">
        <v>11.8</v>
      </c>
      <c r="G531" s="46">
        <v>59.6</v>
      </c>
      <c r="H531" s="46">
        <v>5.0999999999999996</v>
      </c>
      <c r="I531" s="46">
        <v>3.3</v>
      </c>
      <c r="J531" s="47">
        <v>18.8</v>
      </c>
    </row>
    <row r="532" spans="1:11" x14ac:dyDescent="0.2">
      <c r="B532" s="76"/>
      <c r="C532" s="39" t="s">
        <v>60</v>
      </c>
      <c r="D532" s="45">
        <v>1325</v>
      </c>
      <c r="E532" s="46">
        <v>1.9</v>
      </c>
      <c r="F532" s="46">
        <v>14.1</v>
      </c>
      <c r="G532" s="46">
        <v>57.8</v>
      </c>
      <c r="H532" s="46">
        <v>5.6</v>
      </c>
      <c r="I532" s="46">
        <v>3.2</v>
      </c>
      <c r="J532" s="47">
        <v>17.399999999999999</v>
      </c>
    </row>
    <row r="533" spans="1:11" x14ac:dyDescent="0.2">
      <c r="B533" s="76"/>
      <c r="C533" s="39" t="s">
        <v>61</v>
      </c>
      <c r="D533" s="45">
        <v>675</v>
      </c>
      <c r="E533" s="46">
        <v>2.2000000000000002</v>
      </c>
      <c r="F533" s="46">
        <v>12.3</v>
      </c>
      <c r="G533" s="46">
        <v>57</v>
      </c>
      <c r="H533" s="46">
        <v>6.5</v>
      </c>
      <c r="I533" s="46">
        <v>3.7</v>
      </c>
      <c r="J533" s="47">
        <v>18.2</v>
      </c>
    </row>
    <row r="534" spans="1:11" x14ac:dyDescent="0.2">
      <c r="B534" s="76"/>
      <c r="C534" s="39" t="s">
        <v>62</v>
      </c>
      <c r="D534" s="45">
        <v>1086</v>
      </c>
      <c r="E534" s="46">
        <v>2</v>
      </c>
      <c r="F534" s="46">
        <v>14.7</v>
      </c>
      <c r="G534" s="46">
        <v>58.8</v>
      </c>
      <c r="H534" s="46">
        <v>7.7</v>
      </c>
      <c r="I534" s="46">
        <v>3.9</v>
      </c>
      <c r="J534" s="47">
        <v>12.8</v>
      </c>
    </row>
    <row r="535" spans="1:11" ht="21.6" x14ac:dyDescent="0.2">
      <c r="B535" s="76"/>
      <c r="C535" s="39" t="s">
        <v>63</v>
      </c>
      <c r="D535" s="45">
        <v>203</v>
      </c>
      <c r="E535" s="46">
        <v>3</v>
      </c>
      <c r="F535" s="46">
        <v>12.8</v>
      </c>
      <c r="G535" s="46">
        <v>54.7</v>
      </c>
      <c r="H535" s="46">
        <v>5.4</v>
      </c>
      <c r="I535" s="46">
        <v>2.5</v>
      </c>
      <c r="J535" s="47">
        <v>21.7</v>
      </c>
    </row>
    <row r="536" spans="1:11" x14ac:dyDescent="0.2">
      <c r="B536" s="76"/>
      <c r="C536" s="39" t="s">
        <v>64</v>
      </c>
      <c r="D536" s="45">
        <v>263</v>
      </c>
      <c r="E536" s="46">
        <v>3.4</v>
      </c>
      <c r="F536" s="46">
        <v>16.7</v>
      </c>
      <c r="G536" s="46">
        <v>57.4</v>
      </c>
      <c r="H536" s="46">
        <v>6.1</v>
      </c>
      <c r="I536" s="46">
        <v>4.9000000000000004</v>
      </c>
      <c r="J536" s="47">
        <v>11.4</v>
      </c>
    </row>
    <row r="537" spans="1:11" x14ac:dyDescent="0.2">
      <c r="B537" s="76"/>
      <c r="C537" s="39" t="s">
        <v>65</v>
      </c>
      <c r="D537" s="45">
        <v>312</v>
      </c>
      <c r="E537" s="46">
        <v>1.3</v>
      </c>
      <c r="F537" s="46">
        <v>13.8</v>
      </c>
      <c r="G537" s="46">
        <v>59.6</v>
      </c>
      <c r="H537" s="46">
        <v>10.6</v>
      </c>
      <c r="I537" s="46">
        <v>2.9</v>
      </c>
      <c r="J537" s="47">
        <v>11.9</v>
      </c>
    </row>
    <row r="538" spans="1:11" x14ac:dyDescent="0.2">
      <c r="B538" s="76"/>
      <c r="C538" s="39" t="s">
        <v>66</v>
      </c>
      <c r="D538" s="45">
        <v>230</v>
      </c>
      <c r="E538" s="46">
        <v>0.9</v>
      </c>
      <c r="F538" s="46">
        <v>15.7</v>
      </c>
      <c r="G538" s="46">
        <v>61.7</v>
      </c>
      <c r="H538" s="46">
        <v>7.8</v>
      </c>
      <c r="I538" s="46">
        <v>3.9</v>
      </c>
      <c r="J538" s="47">
        <v>10</v>
      </c>
    </row>
    <row r="539" spans="1:11" x14ac:dyDescent="0.2">
      <c r="B539" s="76"/>
      <c r="C539" s="39" t="s">
        <v>67</v>
      </c>
      <c r="D539" s="45">
        <v>78</v>
      </c>
      <c r="E539" s="46">
        <v>1.3</v>
      </c>
      <c r="F539" s="46">
        <v>14.1</v>
      </c>
      <c r="G539" s="46">
        <v>62.8</v>
      </c>
      <c r="H539" s="46">
        <v>7.7</v>
      </c>
      <c r="I539" s="46">
        <v>7.7</v>
      </c>
      <c r="J539" s="47">
        <v>6.4</v>
      </c>
    </row>
    <row r="540" spans="1:11" x14ac:dyDescent="0.2">
      <c r="B540" s="76"/>
      <c r="C540" s="39" t="s">
        <v>68</v>
      </c>
      <c r="D540" s="45">
        <v>897</v>
      </c>
      <c r="E540" s="46">
        <v>1.9</v>
      </c>
      <c r="F540" s="46">
        <v>16.7</v>
      </c>
      <c r="G540" s="46">
        <v>59.5</v>
      </c>
      <c r="H540" s="46">
        <v>8.4</v>
      </c>
      <c r="I540" s="46">
        <v>4</v>
      </c>
      <c r="J540" s="47">
        <v>9.5</v>
      </c>
    </row>
    <row r="541" spans="1:11" x14ac:dyDescent="0.2">
      <c r="B541" s="76"/>
      <c r="C541" s="39" t="s">
        <v>69</v>
      </c>
      <c r="D541" s="45">
        <v>189</v>
      </c>
      <c r="E541" s="46">
        <v>2.6</v>
      </c>
      <c r="F541" s="46">
        <v>5.3</v>
      </c>
      <c r="G541" s="46">
        <v>55.6</v>
      </c>
      <c r="H541" s="46">
        <v>4.8</v>
      </c>
      <c r="I541" s="46">
        <v>3.2</v>
      </c>
      <c r="J541" s="47">
        <v>28.6</v>
      </c>
    </row>
    <row r="542" spans="1:11" x14ac:dyDescent="0.2">
      <c r="B542" s="76"/>
      <c r="C542" s="39" t="s">
        <v>70</v>
      </c>
      <c r="D542" s="45">
        <v>914</v>
      </c>
      <c r="E542" s="46">
        <v>2</v>
      </c>
      <c r="F542" s="46">
        <v>12</v>
      </c>
      <c r="G542" s="46">
        <v>56</v>
      </c>
      <c r="H542" s="46">
        <v>3.7</v>
      </c>
      <c r="I542" s="46">
        <v>2.8</v>
      </c>
      <c r="J542" s="47">
        <v>23.4</v>
      </c>
    </row>
    <row r="543" spans="1:11" ht="21.6" x14ac:dyDescent="0.2">
      <c r="B543" s="76"/>
      <c r="C543" s="39" t="s">
        <v>63</v>
      </c>
      <c r="D543" s="45">
        <v>193</v>
      </c>
      <c r="E543" s="46">
        <v>5.2</v>
      </c>
      <c r="F543" s="46">
        <v>13.5</v>
      </c>
      <c r="G543" s="46">
        <v>40.9</v>
      </c>
      <c r="H543" s="46">
        <v>2.6</v>
      </c>
      <c r="I543" s="46">
        <v>1.6</v>
      </c>
      <c r="J543" s="47">
        <v>36.299999999999997</v>
      </c>
    </row>
    <row r="544" spans="1:11" x14ac:dyDescent="0.2">
      <c r="B544" s="76"/>
      <c r="C544" s="39" t="s">
        <v>64</v>
      </c>
      <c r="D544" s="45">
        <v>203</v>
      </c>
      <c r="E544" s="46">
        <v>2</v>
      </c>
      <c r="F544" s="46">
        <v>12.3</v>
      </c>
      <c r="G544" s="46">
        <v>54.2</v>
      </c>
      <c r="H544" s="46">
        <v>5.4</v>
      </c>
      <c r="I544" s="46">
        <v>4.9000000000000004</v>
      </c>
      <c r="J544" s="47">
        <v>21.2</v>
      </c>
    </row>
    <row r="545" spans="1:25" x14ac:dyDescent="0.2">
      <c r="B545" s="76"/>
      <c r="C545" s="39" t="s">
        <v>65</v>
      </c>
      <c r="D545" s="45">
        <v>263</v>
      </c>
      <c r="E545" s="46">
        <v>1.1000000000000001</v>
      </c>
      <c r="F545" s="46">
        <v>11.4</v>
      </c>
      <c r="G545" s="46">
        <v>59.7</v>
      </c>
      <c r="H545" s="46">
        <v>2.7</v>
      </c>
      <c r="I545" s="46">
        <v>3.4</v>
      </c>
      <c r="J545" s="47">
        <v>21.7</v>
      </c>
    </row>
    <row r="546" spans="1:25" x14ac:dyDescent="0.2">
      <c r="B546" s="76"/>
      <c r="C546" s="39" t="s">
        <v>66</v>
      </c>
      <c r="D546" s="45">
        <v>194</v>
      </c>
      <c r="E546" s="46">
        <v>0.5</v>
      </c>
      <c r="F546" s="46">
        <v>10.8</v>
      </c>
      <c r="G546" s="46">
        <v>63.9</v>
      </c>
      <c r="H546" s="46">
        <v>3.6</v>
      </c>
      <c r="I546" s="46">
        <v>2.1</v>
      </c>
      <c r="J546" s="47">
        <v>19.100000000000001</v>
      </c>
    </row>
    <row r="547" spans="1:25" x14ac:dyDescent="0.2">
      <c r="B547" s="76"/>
      <c r="C547" s="39" t="s">
        <v>67</v>
      </c>
      <c r="D547" s="45">
        <v>61</v>
      </c>
      <c r="E547" s="46">
        <v>0</v>
      </c>
      <c r="F547" s="46">
        <v>13.1</v>
      </c>
      <c r="G547" s="46">
        <v>68.900000000000006</v>
      </c>
      <c r="H547" s="46">
        <v>6.6</v>
      </c>
      <c r="I547" s="46">
        <v>0</v>
      </c>
      <c r="J547" s="47">
        <v>11.5</v>
      </c>
    </row>
    <row r="548" spans="1:25" x14ac:dyDescent="0.2">
      <c r="B548" s="76"/>
      <c r="C548" s="39" t="s">
        <v>68</v>
      </c>
      <c r="D548" s="45">
        <v>416</v>
      </c>
      <c r="E548" s="46">
        <v>2.6</v>
      </c>
      <c r="F548" s="46">
        <v>16.600000000000001</v>
      </c>
      <c r="G548" s="46">
        <v>56.5</v>
      </c>
      <c r="H548" s="46">
        <v>5</v>
      </c>
      <c r="I548" s="46">
        <v>2.4</v>
      </c>
      <c r="J548" s="47">
        <v>16.8</v>
      </c>
    </row>
    <row r="549" spans="1:25" x14ac:dyDescent="0.2">
      <c r="B549" s="76"/>
      <c r="C549" s="40" t="s">
        <v>69</v>
      </c>
      <c r="D549" s="48">
        <v>498</v>
      </c>
      <c r="E549" s="49">
        <v>1.4</v>
      </c>
      <c r="F549" s="49">
        <v>8.1999999999999993</v>
      </c>
      <c r="G549" s="49">
        <v>55.6</v>
      </c>
      <c r="H549" s="49">
        <v>2.6</v>
      </c>
      <c r="I549" s="49">
        <v>3.2</v>
      </c>
      <c r="J549" s="50">
        <v>28.9</v>
      </c>
    </row>
    <row r="550" spans="1:25" x14ac:dyDescent="0.2">
      <c r="B550" s="7" t="s">
        <v>71</v>
      </c>
      <c r="C550" s="4" t="s">
        <v>88</v>
      </c>
    </row>
    <row r="551" spans="1:25" x14ac:dyDescent="0.2">
      <c r="B551" s="4"/>
      <c r="C551" s="4" t="s">
        <v>73</v>
      </c>
    </row>
    <row r="553" spans="1:25" x14ac:dyDescent="0.2">
      <c r="A553" s="26" t="s">
        <v>25</v>
      </c>
      <c r="B553" t="s">
        <v>35</v>
      </c>
      <c r="C553" t="s">
        <v>35</v>
      </c>
    </row>
    <row r="554" spans="1:25" x14ac:dyDescent="0.2">
      <c r="B554" s="74" t="s">
        <v>89</v>
      </c>
      <c r="C554" s="75"/>
      <c r="D554" s="75"/>
      <c r="E554" s="75"/>
      <c r="F554" s="75"/>
      <c r="G554" s="75"/>
      <c r="H554" s="75"/>
      <c r="I554" s="75"/>
      <c r="J554" s="75"/>
      <c r="K554" s="75"/>
      <c r="L554" s="75"/>
      <c r="M554" s="75"/>
      <c r="N554" s="75"/>
      <c r="O554" s="75"/>
      <c r="P554" s="75"/>
      <c r="Q554" s="75"/>
      <c r="R554" s="75"/>
      <c r="S554" s="75"/>
      <c r="T554" s="75"/>
      <c r="U554" s="75"/>
      <c r="V554" s="75"/>
      <c r="W554" s="75"/>
      <c r="X554" s="75"/>
      <c r="Y554" s="75"/>
    </row>
    <row r="555" spans="1:25" s="32" customFormat="1" ht="36.450000000000003" customHeight="1" x14ac:dyDescent="0.15">
      <c r="A555" s="31"/>
      <c r="D555" s="33" t="s">
        <v>242</v>
      </c>
      <c r="E555" s="35" t="s">
        <v>277</v>
      </c>
      <c r="F555" s="36" t="s">
        <v>278</v>
      </c>
      <c r="G555" s="36" t="s">
        <v>279</v>
      </c>
      <c r="H555" s="36" t="s">
        <v>280</v>
      </c>
      <c r="I555" s="36" t="s">
        <v>281</v>
      </c>
      <c r="J555" s="37" t="s">
        <v>276</v>
      </c>
      <c r="K555" s="34" t="s">
        <v>251</v>
      </c>
    </row>
    <row r="556" spans="1:25" x14ac:dyDescent="0.2">
      <c r="B556" s="5"/>
      <c r="C556" s="41" t="s">
        <v>38</v>
      </c>
      <c r="D556" s="42">
        <v>2000</v>
      </c>
      <c r="E556" s="43">
        <v>2.2999999999999998</v>
      </c>
      <c r="F556" s="43">
        <v>10.7</v>
      </c>
      <c r="G556" s="43">
        <v>59.1</v>
      </c>
      <c r="H556" s="43">
        <v>8.8000000000000007</v>
      </c>
      <c r="I556" s="43">
        <v>5.0999999999999996</v>
      </c>
      <c r="J556" s="44">
        <v>14.1</v>
      </c>
    </row>
    <row r="557" spans="1:25" x14ac:dyDescent="0.2">
      <c r="B557" s="76" t="s">
        <v>37</v>
      </c>
      <c r="C557" s="39" t="s">
        <v>39</v>
      </c>
      <c r="D557" s="45">
        <v>111</v>
      </c>
      <c r="E557" s="46">
        <v>7.2</v>
      </c>
      <c r="F557" s="46">
        <v>12.6</v>
      </c>
      <c r="G557" s="46">
        <v>59.5</v>
      </c>
      <c r="H557" s="46">
        <v>9</v>
      </c>
      <c r="I557" s="46">
        <v>3.6</v>
      </c>
      <c r="J557" s="47">
        <v>8.1</v>
      </c>
    </row>
    <row r="558" spans="1:25" x14ac:dyDescent="0.2">
      <c r="B558" s="76"/>
      <c r="C558" s="39" t="s">
        <v>40</v>
      </c>
      <c r="D558" s="45">
        <v>450</v>
      </c>
      <c r="E558" s="46">
        <v>2.4</v>
      </c>
      <c r="F558" s="46">
        <v>11.6</v>
      </c>
      <c r="G558" s="46">
        <v>61.3</v>
      </c>
      <c r="H558" s="46">
        <v>8</v>
      </c>
      <c r="I558" s="46">
        <v>5.8</v>
      </c>
      <c r="J558" s="47">
        <v>10.9</v>
      </c>
    </row>
    <row r="559" spans="1:25" ht="21.6" x14ac:dyDescent="0.2">
      <c r="B559" s="76"/>
      <c r="C559" s="39" t="s">
        <v>41</v>
      </c>
      <c r="D559" s="45">
        <v>30</v>
      </c>
      <c r="E559" s="46">
        <v>3.3</v>
      </c>
      <c r="F559" s="46">
        <v>6.7</v>
      </c>
      <c r="G559" s="46">
        <v>56.7</v>
      </c>
      <c r="H559" s="46">
        <v>6.7</v>
      </c>
      <c r="I559" s="46">
        <v>3.3</v>
      </c>
      <c r="J559" s="47">
        <v>23.3</v>
      </c>
    </row>
    <row r="560" spans="1:25" ht="21.6" x14ac:dyDescent="0.2">
      <c r="B560" s="76"/>
      <c r="C560" s="39" t="s">
        <v>42</v>
      </c>
      <c r="D560" s="45">
        <v>336</v>
      </c>
      <c r="E560" s="46">
        <v>2.7</v>
      </c>
      <c r="F560" s="46">
        <v>10.7</v>
      </c>
      <c r="G560" s="46">
        <v>57.1</v>
      </c>
      <c r="H560" s="46">
        <v>9.5</v>
      </c>
      <c r="I560" s="46">
        <v>5.4</v>
      </c>
      <c r="J560" s="47">
        <v>14.6</v>
      </c>
    </row>
    <row r="561" spans="2:10" ht="21.6" x14ac:dyDescent="0.2">
      <c r="B561" s="76"/>
      <c r="C561" s="39" t="s">
        <v>43</v>
      </c>
      <c r="D561" s="45">
        <v>327</v>
      </c>
      <c r="E561" s="46">
        <v>0.9</v>
      </c>
      <c r="F561" s="46">
        <v>11.3</v>
      </c>
      <c r="G561" s="46">
        <v>57.5</v>
      </c>
      <c r="H561" s="46">
        <v>10.1</v>
      </c>
      <c r="I561" s="46">
        <v>3.4</v>
      </c>
      <c r="J561" s="47">
        <v>16.8</v>
      </c>
    </row>
    <row r="562" spans="2:10" ht="21.6" x14ac:dyDescent="0.2">
      <c r="B562" s="76"/>
      <c r="C562" s="39" t="s">
        <v>44</v>
      </c>
      <c r="D562" s="45">
        <v>181</v>
      </c>
      <c r="E562" s="46">
        <v>2.2000000000000002</v>
      </c>
      <c r="F562" s="46">
        <v>9.4</v>
      </c>
      <c r="G562" s="46">
        <v>57.5</v>
      </c>
      <c r="H562" s="46">
        <v>12.7</v>
      </c>
      <c r="I562" s="46">
        <v>5.5</v>
      </c>
      <c r="J562" s="47">
        <v>12.7</v>
      </c>
    </row>
    <row r="563" spans="2:10" ht="21.6" x14ac:dyDescent="0.2">
      <c r="B563" s="76"/>
      <c r="C563" s="39" t="s">
        <v>45</v>
      </c>
      <c r="D563" s="45">
        <v>565</v>
      </c>
      <c r="E563" s="46">
        <v>1.6</v>
      </c>
      <c r="F563" s="46">
        <v>9.9</v>
      </c>
      <c r="G563" s="46">
        <v>60</v>
      </c>
      <c r="H563" s="46">
        <v>6.9</v>
      </c>
      <c r="I563" s="46">
        <v>5.7</v>
      </c>
      <c r="J563" s="47">
        <v>15.9</v>
      </c>
    </row>
    <row r="564" spans="2:10" ht="21.6" x14ac:dyDescent="0.2">
      <c r="B564" s="76"/>
      <c r="C564" s="39" t="s">
        <v>46</v>
      </c>
      <c r="D564" s="45">
        <v>473</v>
      </c>
      <c r="E564" s="46">
        <v>2.2999999999999998</v>
      </c>
      <c r="F564" s="46">
        <v>7.4</v>
      </c>
      <c r="G564" s="46">
        <v>56</v>
      </c>
      <c r="H564" s="46">
        <v>8</v>
      </c>
      <c r="I564" s="46">
        <v>6.3</v>
      </c>
      <c r="J564" s="47">
        <v>19.899999999999999</v>
      </c>
    </row>
    <row r="565" spans="2:10" ht="21.6" x14ac:dyDescent="0.2">
      <c r="B565" s="76"/>
      <c r="C565" s="39" t="s">
        <v>47</v>
      </c>
      <c r="D565" s="45">
        <v>441</v>
      </c>
      <c r="E565" s="46">
        <v>1.1000000000000001</v>
      </c>
      <c r="F565" s="46">
        <v>14.7</v>
      </c>
      <c r="G565" s="46">
        <v>57.6</v>
      </c>
      <c r="H565" s="46">
        <v>11.1</v>
      </c>
      <c r="I565" s="46">
        <v>5.4</v>
      </c>
      <c r="J565" s="47">
        <v>10</v>
      </c>
    </row>
    <row r="566" spans="2:10" ht="21.6" x14ac:dyDescent="0.2">
      <c r="B566" s="76"/>
      <c r="C566" s="39" t="s">
        <v>48</v>
      </c>
      <c r="D566" s="45">
        <v>305</v>
      </c>
      <c r="E566" s="46">
        <v>2.6</v>
      </c>
      <c r="F566" s="46">
        <v>10.5</v>
      </c>
      <c r="G566" s="46">
        <v>64.3</v>
      </c>
      <c r="H566" s="46">
        <v>10.8</v>
      </c>
      <c r="I566" s="46">
        <v>4.5999999999999996</v>
      </c>
      <c r="J566" s="47">
        <v>7.2</v>
      </c>
    </row>
    <row r="567" spans="2:10" ht="21.6" x14ac:dyDescent="0.2">
      <c r="B567" s="76"/>
      <c r="C567" s="39" t="s">
        <v>49</v>
      </c>
      <c r="D567" s="45">
        <v>223</v>
      </c>
      <c r="E567" s="46">
        <v>4.5</v>
      </c>
      <c r="F567" s="46">
        <v>13.5</v>
      </c>
      <c r="G567" s="46">
        <v>65.5</v>
      </c>
      <c r="H567" s="46">
        <v>7.6</v>
      </c>
      <c r="I567" s="46">
        <v>2.2000000000000002</v>
      </c>
      <c r="J567" s="47">
        <v>6.7</v>
      </c>
    </row>
    <row r="568" spans="2:10" ht="21.6" x14ac:dyDescent="0.2">
      <c r="B568" s="76"/>
      <c r="C568" s="39" t="s">
        <v>50</v>
      </c>
      <c r="D568" s="45">
        <v>123</v>
      </c>
      <c r="E568" s="46">
        <v>2.4</v>
      </c>
      <c r="F568" s="46">
        <v>10.6</v>
      </c>
      <c r="G568" s="46">
        <v>69.900000000000006</v>
      </c>
      <c r="H568" s="46">
        <v>8.1</v>
      </c>
      <c r="I568" s="46">
        <v>3.3</v>
      </c>
      <c r="J568" s="47">
        <v>5.7</v>
      </c>
    </row>
    <row r="569" spans="2:10" ht="21.6" x14ac:dyDescent="0.2">
      <c r="B569" s="76"/>
      <c r="C569" s="39" t="s">
        <v>51</v>
      </c>
      <c r="D569" s="45">
        <v>124</v>
      </c>
      <c r="E569" s="46">
        <v>1.6</v>
      </c>
      <c r="F569" s="46">
        <v>18.5</v>
      </c>
      <c r="G569" s="46">
        <v>63.7</v>
      </c>
      <c r="H569" s="46">
        <v>4</v>
      </c>
      <c r="I569" s="46">
        <v>5.6</v>
      </c>
      <c r="J569" s="47">
        <v>6.5</v>
      </c>
    </row>
    <row r="570" spans="2:10" ht="21.6" x14ac:dyDescent="0.2">
      <c r="B570" s="76"/>
      <c r="C570" s="39" t="s">
        <v>52</v>
      </c>
      <c r="D570" s="45">
        <v>312</v>
      </c>
      <c r="E570" s="46">
        <v>1.9</v>
      </c>
      <c r="F570" s="46">
        <v>6.7</v>
      </c>
      <c r="G570" s="46">
        <v>62.2</v>
      </c>
      <c r="H570" s="46">
        <v>11.2</v>
      </c>
      <c r="I570" s="46">
        <v>5.0999999999999996</v>
      </c>
      <c r="J570" s="47">
        <v>12.8</v>
      </c>
    </row>
    <row r="571" spans="2:10" x14ac:dyDescent="0.2">
      <c r="B571" s="76"/>
      <c r="C571" s="39" t="s">
        <v>53</v>
      </c>
      <c r="D571" s="45">
        <v>269</v>
      </c>
      <c r="E571" s="46">
        <v>1.9</v>
      </c>
      <c r="F571" s="46">
        <v>10.4</v>
      </c>
      <c r="G571" s="46">
        <v>64.7</v>
      </c>
      <c r="H571" s="46">
        <v>9.3000000000000007</v>
      </c>
      <c r="I571" s="46">
        <v>3.3</v>
      </c>
      <c r="J571" s="47">
        <v>10.4</v>
      </c>
    </row>
    <row r="572" spans="2:10" ht="21.6" x14ac:dyDescent="0.2">
      <c r="B572" s="76"/>
      <c r="C572" s="39" t="s">
        <v>54</v>
      </c>
      <c r="D572" s="45">
        <v>511</v>
      </c>
      <c r="E572" s="46">
        <v>3.1</v>
      </c>
      <c r="F572" s="46">
        <v>13.7</v>
      </c>
      <c r="G572" s="46">
        <v>59.9</v>
      </c>
      <c r="H572" s="46">
        <v>7.8</v>
      </c>
      <c r="I572" s="46">
        <v>6.5</v>
      </c>
      <c r="J572" s="47">
        <v>9</v>
      </c>
    </row>
    <row r="573" spans="2:10" ht="21.6" x14ac:dyDescent="0.2">
      <c r="B573" s="76"/>
      <c r="C573" s="39" t="s">
        <v>55</v>
      </c>
      <c r="D573" s="45">
        <v>615</v>
      </c>
      <c r="E573" s="46">
        <v>2.4</v>
      </c>
      <c r="F573" s="46">
        <v>13.8</v>
      </c>
      <c r="G573" s="46">
        <v>58.4</v>
      </c>
      <c r="H573" s="46">
        <v>9.9</v>
      </c>
      <c r="I573" s="46">
        <v>4.9000000000000004</v>
      </c>
      <c r="J573" s="47">
        <v>10.6</v>
      </c>
    </row>
    <row r="574" spans="2:10" ht="21.6" x14ac:dyDescent="0.2">
      <c r="B574" s="76"/>
      <c r="C574" s="39" t="s">
        <v>56</v>
      </c>
      <c r="D574" s="45">
        <v>800</v>
      </c>
      <c r="E574" s="46">
        <v>3.1</v>
      </c>
      <c r="F574" s="46">
        <v>14.4</v>
      </c>
      <c r="G574" s="46">
        <v>56.6</v>
      </c>
      <c r="H574" s="46">
        <v>9.3000000000000007</v>
      </c>
      <c r="I574" s="46">
        <v>6</v>
      </c>
      <c r="J574" s="47">
        <v>10.6</v>
      </c>
    </row>
    <row r="575" spans="2:10" x14ac:dyDescent="0.2">
      <c r="B575" s="76"/>
      <c r="C575" s="40" t="s">
        <v>57</v>
      </c>
      <c r="D575" s="48">
        <v>798</v>
      </c>
      <c r="E575" s="49">
        <v>1.8</v>
      </c>
      <c r="F575" s="49">
        <v>9.4</v>
      </c>
      <c r="G575" s="49">
        <v>65.400000000000006</v>
      </c>
      <c r="H575" s="49">
        <v>9.6</v>
      </c>
      <c r="I575" s="49">
        <v>5.0999999999999996</v>
      </c>
      <c r="J575" s="50">
        <v>8.6</v>
      </c>
    </row>
    <row r="576" spans="2:10" x14ac:dyDescent="0.2">
      <c r="B576" s="7" t="s">
        <v>71</v>
      </c>
      <c r="C576" s="4" t="s">
        <v>90</v>
      </c>
    </row>
    <row r="577" spans="1:25" x14ac:dyDescent="0.2">
      <c r="B577" s="4"/>
      <c r="C577" s="4" t="s">
        <v>73</v>
      </c>
    </row>
    <row r="579" spans="1:25" x14ac:dyDescent="0.2">
      <c r="C579" t="s">
        <v>35</v>
      </c>
    </row>
    <row r="580" spans="1:25" x14ac:dyDescent="0.2">
      <c r="B580" s="74" t="s">
        <v>188</v>
      </c>
      <c r="C580" s="75"/>
      <c r="D580" s="75"/>
      <c r="E580" s="75"/>
      <c r="F580" s="75"/>
      <c r="G580" s="75"/>
      <c r="H580" s="75"/>
      <c r="I580" s="75"/>
      <c r="J580" s="75"/>
      <c r="K580" s="75"/>
      <c r="L580" s="75"/>
      <c r="M580" s="75"/>
      <c r="N580" s="75"/>
      <c r="O580" s="75"/>
      <c r="P580" s="75"/>
      <c r="Q580" s="75"/>
      <c r="R580" s="75"/>
      <c r="S580" s="75"/>
      <c r="T580" s="75"/>
      <c r="U580" s="75"/>
      <c r="V580" s="75"/>
      <c r="W580" s="75"/>
      <c r="X580" s="75"/>
      <c r="Y580" s="75"/>
    </row>
    <row r="581" spans="1:25" s="32" customFormat="1" ht="36.450000000000003" customHeight="1" x14ac:dyDescent="0.15">
      <c r="A581" s="31"/>
      <c r="D581" s="33" t="s">
        <v>242</v>
      </c>
      <c r="E581" s="35" t="s">
        <v>277</v>
      </c>
      <c r="F581" s="36" t="s">
        <v>278</v>
      </c>
      <c r="G581" s="36" t="s">
        <v>279</v>
      </c>
      <c r="H581" s="36" t="s">
        <v>280</v>
      </c>
      <c r="I581" s="36" t="s">
        <v>281</v>
      </c>
      <c r="J581" s="37" t="s">
        <v>276</v>
      </c>
      <c r="K581" s="34" t="s">
        <v>251</v>
      </c>
    </row>
    <row r="582" spans="1:25" ht="21.6" x14ac:dyDescent="0.2">
      <c r="B582" s="76" t="s">
        <v>37</v>
      </c>
      <c r="C582" s="38" t="s">
        <v>58</v>
      </c>
      <c r="D582" s="51">
        <v>609</v>
      </c>
      <c r="E582" s="52">
        <v>3.6</v>
      </c>
      <c r="F582" s="52">
        <v>14.6</v>
      </c>
      <c r="G582" s="52">
        <v>54.8</v>
      </c>
      <c r="H582" s="52">
        <v>9.6999999999999993</v>
      </c>
      <c r="I582" s="52">
        <v>5.9</v>
      </c>
      <c r="J582" s="53">
        <v>11.3</v>
      </c>
    </row>
    <row r="583" spans="1:25" ht="21.6" x14ac:dyDescent="0.2">
      <c r="B583" s="76"/>
      <c r="C583" s="39" t="s">
        <v>59</v>
      </c>
      <c r="D583" s="45">
        <v>1391</v>
      </c>
      <c r="E583" s="46">
        <v>1.7</v>
      </c>
      <c r="F583" s="46">
        <v>9</v>
      </c>
      <c r="G583" s="46">
        <v>61</v>
      </c>
      <c r="H583" s="46">
        <v>8.3000000000000007</v>
      </c>
      <c r="I583" s="46">
        <v>4.7</v>
      </c>
      <c r="J583" s="47">
        <v>15.3</v>
      </c>
    </row>
    <row r="584" spans="1:25" x14ac:dyDescent="0.2">
      <c r="B584" s="76"/>
      <c r="C584" s="39" t="s">
        <v>60</v>
      </c>
      <c r="D584" s="45">
        <v>1325</v>
      </c>
      <c r="E584" s="46">
        <v>2.4</v>
      </c>
      <c r="F584" s="46">
        <v>11.2</v>
      </c>
      <c r="G584" s="46">
        <v>58</v>
      </c>
      <c r="H584" s="46">
        <v>9.6999999999999993</v>
      </c>
      <c r="I584" s="46">
        <v>5</v>
      </c>
      <c r="J584" s="47">
        <v>13.7</v>
      </c>
    </row>
    <row r="585" spans="1:25" x14ac:dyDescent="0.2">
      <c r="B585" s="76"/>
      <c r="C585" s="39" t="s">
        <v>61</v>
      </c>
      <c r="D585" s="45">
        <v>675</v>
      </c>
      <c r="E585" s="46">
        <v>1.9</v>
      </c>
      <c r="F585" s="46">
        <v>9.8000000000000007</v>
      </c>
      <c r="G585" s="46">
        <v>61.2</v>
      </c>
      <c r="H585" s="46">
        <v>7</v>
      </c>
      <c r="I585" s="46">
        <v>5.3</v>
      </c>
      <c r="J585" s="47">
        <v>14.8</v>
      </c>
    </row>
    <row r="586" spans="1:25" x14ac:dyDescent="0.2">
      <c r="B586" s="76"/>
      <c r="C586" s="39" t="s">
        <v>62</v>
      </c>
      <c r="D586" s="45">
        <v>1086</v>
      </c>
      <c r="E586" s="46">
        <v>2.2000000000000002</v>
      </c>
      <c r="F586" s="46">
        <v>11.4</v>
      </c>
      <c r="G586" s="46">
        <v>58.8</v>
      </c>
      <c r="H586" s="46">
        <v>9.6999999999999993</v>
      </c>
      <c r="I586" s="46">
        <v>6.4</v>
      </c>
      <c r="J586" s="47">
        <v>11.4</v>
      </c>
    </row>
    <row r="587" spans="1:25" ht="21.6" x14ac:dyDescent="0.2">
      <c r="B587" s="76"/>
      <c r="C587" s="39" t="s">
        <v>63</v>
      </c>
      <c r="D587" s="45">
        <v>203</v>
      </c>
      <c r="E587" s="46">
        <v>2.5</v>
      </c>
      <c r="F587" s="46">
        <v>13.3</v>
      </c>
      <c r="G587" s="46">
        <v>52.2</v>
      </c>
      <c r="H587" s="46">
        <v>8.4</v>
      </c>
      <c r="I587" s="46">
        <v>2.5</v>
      </c>
      <c r="J587" s="47">
        <v>21.2</v>
      </c>
    </row>
    <row r="588" spans="1:25" x14ac:dyDescent="0.2">
      <c r="B588" s="76"/>
      <c r="C588" s="39" t="s">
        <v>64</v>
      </c>
      <c r="D588" s="45">
        <v>263</v>
      </c>
      <c r="E588" s="46">
        <v>3.8</v>
      </c>
      <c r="F588" s="46">
        <v>11.4</v>
      </c>
      <c r="G588" s="46">
        <v>59.7</v>
      </c>
      <c r="H588" s="46">
        <v>9.5</v>
      </c>
      <c r="I588" s="46">
        <v>6.8</v>
      </c>
      <c r="J588" s="47">
        <v>8.6999999999999993</v>
      </c>
    </row>
    <row r="589" spans="1:25" x14ac:dyDescent="0.2">
      <c r="B589" s="76"/>
      <c r="C589" s="39" t="s">
        <v>65</v>
      </c>
      <c r="D589" s="45">
        <v>312</v>
      </c>
      <c r="E589" s="46">
        <v>1.9</v>
      </c>
      <c r="F589" s="46">
        <v>10.9</v>
      </c>
      <c r="G589" s="46">
        <v>58</v>
      </c>
      <c r="H589" s="46">
        <v>10.3</v>
      </c>
      <c r="I589" s="46">
        <v>8</v>
      </c>
      <c r="J589" s="47">
        <v>10.9</v>
      </c>
    </row>
    <row r="590" spans="1:25" x14ac:dyDescent="0.2">
      <c r="B590" s="76"/>
      <c r="C590" s="39" t="s">
        <v>66</v>
      </c>
      <c r="D590" s="45">
        <v>230</v>
      </c>
      <c r="E590" s="46">
        <v>0.9</v>
      </c>
      <c r="F590" s="46">
        <v>9.1</v>
      </c>
      <c r="G590" s="46">
        <v>63</v>
      </c>
      <c r="H590" s="46">
        <v>10.4</v>
      </c>
      <c r="I590" s="46">
        <v>7.4</v>
      </c>
      <c r="J590" s="47">
        <v>9.1</v>
      </c>
    </row>
    <row r="591" spans="1:25" x14ac:dyDescent="0.2">
      <c r="B591" s="76"/>
      <c r="C591" s="39" t="s">
        <v>67</v>
      </c>
      <c r="D591" s="45">
        <v>78</v>
      </c>
      <c r="E591" s="46">
        <v>1.3</v>
      </c>
      <c r="F591" s="46">
        <v>15.4</v>
      </c>
      <c r="G591" s="46">
        <v>64.099999999999994</v>
      </c>
      <c r="H591" s="46">
        <v>9</v>
      </c>
      <c r="I591" s="46">
        <v>6.4</v>
      </c>
      <c r="J591" s="47">
        <v>3.8</v>
      </c>
    </row>
    <row r="592" spans="1:25" x14ac:dyDescent="0.2">
      <c r="B592" s="76"/>
      <c r="C592" s="39" t="s">
        <v>68</v>
      </c>
      <c r="D592" s="45">
        <v>897</v>
      </c>
      <c r="E592" s="46">
        <v>2.2000000000000002</v>
      </c>
      <c r="F592" s="46">
        <v>12.7</v>
      </c>
      <c r="G592" s="46">
        <v>59</v>
      </c>
      <c r="H592" s="46">
        <v>10.1</v>
      </c>
      <c r="I592" s="46">
        <v>6.9</v>
      </c>
      <c r="J592" s="47">
        <v>9</v>
      </c>
    </row>
    <row r="593" spans="1:25" x14ac:dyDescent="0.2">
      <c r="B593" s="76"/>
      <c r="C593" s="39" t="s">
        <v>69</v>
      </c>
      <c r="D593" s="45">
        <v>189</v>
      </c>
      <c r="E593" s="46">
        <v>2.1</v>
      </c>
      <c r="F593" s="46">
        <v>5.3</v>
      </c>
      <c r="G593" s="46">
        <v>58.2</v>
      </c>
      <c r="H593" s="46">
        <v>7.4</v>
      </c>
      <c r="I593" s="46">
        <v>4.2</v>
      </c>
      <c r="J593" s="47">
        <v>22.8</v>
      </c>
    </row>
    <row r="594" spans="1:25" x14ac:dyDescent="0.2">
      <c r="B594" s="76"/>
      <c r="C594" s="39" t="s">
        <v>70</v>
      </c>
      <c r="D594" s="45">
        <v>914</v>
      </c>
      <c r="E594" s="46">
        <v>2.2999999999999998</v>
      </c>
      <c r="F594" s="46">
        <v>9.8000000000000007</v>
      </c>
      <c r="G594" s="46">
        <v>59.4</v>
      </c>
      <c r="H594" s="46">
        <v>7.7</v>
      </c>
      <c r="I594" s="46">
        <v>3.5</v>
      </c>
      <c r="J594" s="47">
        <v>17.3</v>
      </c>
    </row>
    <row r="595" spans="1:25" ht="21.6" x14ac:dyDescent="0.2">
      <c r="B595" s="76"/>
      <c r="C595" s="39" t="s">
        <v>63</v>
      </c>
      <c r="D595" s="45">
        <v>193</v>
      </c>
      <c r="E595" s="46">
        <v>4.0999999999999996</v>
      </c>
      <c r="F595" s="46">
        <v>14</v>
      </c>
      <c r="G595" s="46">
        <v>45.1</v>
      </c>
      <c r="H595" s="46">
        <v>5.7</v>
      </c>
      <c r="I595" s="46">
        <v>2.1</v>
      </c>
      <c r="J595" s="47">
        <v>29</v>
      </c>
    </row>
    <row r="596" spans="1:25" x14ac:dyDescent="0.2">
      <c r="B596" s="76"/>
      <c r="C596" s="39" t="s">
        <v>64</v>
      </c>
      <c r="D596" s="45">
        <v>203</v>
      </c>
      <c r="E596" s="46">
        <v>3</v>
      </c>
      <c r="F596" s="46">
        <v>10.3</v>
      </c>
      <c r="G596" s="46">
        <v>54.2</v>
      </c>
      <c r="H596" s="46">
        <v>11.3</v>
      </c>
      <c r="I596" s="46">
        <v>4.9000000000000004</v>
      </c>
      <c r="J596" s="47">
        <v>16.3</v>
      </c>
    </row>
    <row r="597" spans="1:25" x14ac:dyDescent="0.2">
      <c r="B597" s="76"/>
      <c r="C597" s="39" t="s">
        <v>65</v>
      </c>
      <c r="D597" s="45">
        <v>263</v>
      </c>
      <c r="E597" s="46">
        <v>1.9</v>
      </c>
      <c r="F597" s="46">
        <v>9.1</v>
      </c>
      <c r="G597" s="46">
        <v>62.7</v>
      </c>
      <c r="H597" s="46">
        <v>8.6999999999999993</v>
      </c>
      <c r="I597" s="46">
        <v>3</v>
      </c>
      <c r="J597" s="47">
        <v>14.4</v>
      </c>
    </row>
    <row r="598" spans="1:25" x14ac:dyDescent="0.2">
      <c r="B598" s="76"/>
      <c r="C598" s="39" t="s">
        <v>66</v>
      </c>
      <c r="D598" s="45">
        <v>194</v>
      </c>
      <c r="E598" s="46">
        <v>0.5</v>
      </c>
      <c r="F598" s="46">
        <v>7.7</v>
      </c>
      <c r="G598" s="46">
        <v>69.599999999999994</v>
      </c>
      <c r="H598" s="46">
        <v>3.1</v>
      </c>
      <c r="I598" s="46">
        <v>4.5999999999999996</v>
      </c>
      <c r="J598" s="47">
        <v>14.4</v>
      </c>
    </row>
    <row r="599" spans="1:25" x14ac:dyDescent="0.2">
      <c r="B599" s="76"/>
      <c r="C599" s="39" t="s">
        <v>67</v>
      </c>
      <c r="D599" s="45">
        <v>61</v>
      </c>
      <c r="E599" s="46">
        <v>1.6</v>
      </c>
      <c r="F599" s="46">
        <v>4.9000000000000004</v>
      </c>
      <c r="G599" s="46">
        <v>75.400000000000006</v>
      </c>
      <c r="H599" s="46">
        <v>11.5</v>
      </c>
      <c r="I599" s="46">
        <v>1.6</v>
      </c>
      <c r="J599" s="47">
        <v>4.9000000000000004</v>
      </c>
    </row>
    <row r="600" spans="1:25" x14ac:dyDescent="0.2">
      <c r="B600" s="76"/>
      <c r="C600" s="39" t="s">
        <v>68</v>
      </c>
      <c r="D600" s="45">
        <v>416</v>
      </c>
      <c r="E600" s="46">
        <v>2.6</v>
      </c>
      <c r="F600" s="46">
        <v>14.2</v>
      </c>
      <c r="G600" s="46">
        <v>59.4</v>
      </c>
      <c r="H600" s="46">
        <v>7.7</v>
      </c>
      <c r="I600" s="46">
        <v>2.6</v>
      </c>
      <c r="J600" s="47">
        <v>13.5</v>
      </c>
    </row>
    <row r="601" spans="1:25" x14ac:dyDescent="0.2">
      <c r="B601" s="76"/>
      <c r="C601" s="40" t="s">
        <v>69</v>
      </c>
      <c r="D601" s="48">
        <v>498</v>
      </c>
      <c r="E601" s="49">
        <v>2</v>
      </c>
      <c r="F601" s="49">
        <v>6.2</v>
      </c>
      <c r="G601" s="49">
        <v>59.4</v>
      </c>
      <c r="H601" s="49">
        <v>7.6</v>
      </c>
      <c r="I601" s="49">
        <v>4.2</v>
      </c>
      <c r="J601" s="50">
        <v>20.5</v>
      </c>
    </row>
    <row r="602" spans="1:25" x14ac:dyDescent="0.2">
      <c r="B602" s="7" t="s">
        <v>71</v>
      </c>
      <c r="C602" s="4" t="s">
        <v>90</v>
      </c>
    </row>
    <row r="603" spans="1:25" x14ac:dyDescent="0.2">
      <c r="B603" s="4"/>
      <c r="C603" s="4" t="s">
        <v>73</v>
      </c>
    </row>
    <row r="605" spans="1:25" x14ac:dyDescent="0.2">
      <c r="A605" s="26" t="s">
        <v>25</v>
      </c>
      <c r="B605" t="s">
        <v>35</v>
      </c>
      <c r="C605" t="s">
        <v>35</v>
      </c>
    </row>
    <row r="606" spans="1:25" x14ac:dyDescent="0.2">
      <c r="B606" s="74" t="s">
        <v>91</v>
      </c>
      <c r="C606" s="75"/>
      <c r="D606" s="75"/>
      <c r="E606" s="75"/>
      <c r="F606" s="75"/>
      <c r="G606" s="75"/>
      <c r="H606" s="75"/>
      <c r="I606" s="75"/>
      <c r="J606" s="75"/>
      <c r="K606" s="75"/>
      <c r="L606" s="75"/>
      <c r="M606" s="75"/>
      <c r="N606" s="75"/>
      <c r="O606" s="75"/>
      <c r="P606" s="75"/>
      <c r="Q606" s="75"/>
      <c r="R606" s="75"/>
      <c r="S606" s="75"/>
      <c r="T606" s="75"/>
      <c r="U606" s="75"/>
      <c r="V606" s="75"/>
      <c r="W606" s="75"/>
      <c r="X606" s="75"/>
      <c r="Y606" s="75"/>
    </row>
    <row r="607" spans="1:25" s="32" customFormat="1" ht="36.450000000000003" customHeight="1" x14ac:dyDescent="0.15">
      <c r="A607" s="31"/>
      <c r="D607" s="33" t="s">
        <v>242</v>
      </c>
      <c r="E607" s="35" t="s">
        <v>277</v>
      </c>
      <c r="F607" s="36" t="s">
        <v>278</v>
      </c>
      <c r="G607" s="36" t="s">
        <v>279</v>
      </c>
      <c r="H607" s="36" t="s">
        <v>280</v>
      </c>
      <c r="I607" s="36" t="s">
        <v>281</v>
      </c>
      <c r="J607" s="37" t="s">
        <v>276</v>
      </c>
      <c r="K607" s="34" t="s">
        <v>251</v>
      </c>
    </row>
    <row r="608" spans="1:25" x14ac:dyDescent="0.2">
      <c r="B608" s="5"/>
      <c r="C608" s="41" t="s">
        <v>38</v>
      </c>
      <c r="D608" s="42">
        <v>2000</v>
      </c>
      <c r="E608" s="43">
        <v>2.6</v>
      </c>
      <c r="F608" s="43">
        <v>12.1</v>
      </c>
      <c r="G608" s="43">
        <v>58.2</v>
      </c>
      <c r="H608" s="43">
        <v>9</v>
      </c>
      <c r="I608" s="43">
        <v>4.5999999999999996</v>
      </c>
      <c r="J608" s="44">
        <v>13.7</v>
      </c>
    </row>
    <row r="609" spans="2:10" x14ac:dyDescent="0.2">
      <c r="B609" s="76" t="s">
        <v>37</v>
      </c>
      <c r="C609" s="39" t="s">
        <v>39</v>
      </c>
      <c r="D609" s="45">
        <v>111</v>
      </c>
      <c r="E609" s="46">
        <v>5.4</v>
      </c>
      <c r="F609" s="46">
        <v>11.7</v>
      </c>
      <c r="G609" s="46">
        <v>64.900000000000006</v>
      </c>
      <c r="H609" s="46">
        <v>5.4</v>
      </c>
      <c r="I609" s="46">
        <v>3.6</v>
      </c>
      <c r="J609" s="47">
        <v>9</v>
      </c>
    </row>
    <row r="610" spans="2:10" x14ac:dyDescent="0.2">
      <c r="B610" s="76"/>
      <c r="C610" s="39" t="s">
        <v>40</v>
      </c>
      <c r="D610" s="45">
        <v>450</v>
      </c>
      <c r="E610" s="46">
        <v>1.6</v>
      </c>
      <c r="F610" s="46">
        <v>12.9</v>
      </c>
      <c r="G610" s="46">
        <v>61.6</v>
      </c>
      <c r="H610" s="46">
        <v>8.1999999999999993</v>
      </c>
      <c r="I610" s="46">
        <v>5.6</v>
      </c>
      <c r="J610" s="47">
        <v>10.199999999999999</v>
      </c>
    </row>
    <row r="611" spans="2:10" ht="21.6" x14ac:dyDescent="0.2">
      <c r="B611" s="76"/>
      <c r="C611" s="39" t="s">
        <v>41</v>
      </c>
      <c r="D611" s="45">
        <v>30</v>
      </c>
      <c r="E611" s="46">
        <v>3.3</v>
      </c>
      <c r="F611" s="46">
        <v>6.7</v>
      </c>
      <c r="G611" s="46">
        <v>50</v>
      </c>
      <c r="H611" s="46">
        <v>16.7</v>
      </c>
      <c r="I611" s="46">
        <v>0</v>
      </c>
      <c r="J611" s="47">
        <v>23.3</v>
      </c>
    </row>
    <row r="612" spans="2:10" ht="21.6" x14ac:dyDescent="0.2">
      <c r="B612" s="76"/>
      <c r="C612" s="39" t="s">
        <v>42</v>
      </c>
      <c r="D612" s="45">
        <v>336</v>
      </c>
      <c r="E612" s="46">
        <v>3.6</v>
      </c>
      <c r="F612" s="46">
        <v>13.7</v>
      </c>
      <c r="G612" s="46">
        <v>54.8</v>
      </c>
      <c r="H612" s="46">
        <v>8.3000000000000007</v>
      </c>
      <c r="I612" s="46">
        <v>5.7</v>
      </c>
      <c r="J612" s="47">
        <v>14</v>
      </c>
    </row>
    <row r="613" spans="2:10" ht="21.6" x14ac:dyDescent="0.2">
      <c r="B613" s="76"/>
      <c r="C613" s="39" t="s">
        <v>43</v>
      </c>
      <c r="D613" s="45">
        <v>327</v>
      </c>
      <c r="E613" s="46">
        <v>2.1</v>
      </c>
      <c r="F613" s="46">
        <v>11.9</v>
      </c>
      <c r="G613" s="46">
        <v>55.7</v>
      </c>
      <c r="H613" s="46">
        <v>11.6</v>
      </c>
      <c r="I613" s="46">
        <v>2.4</v>
      </c>
      <c r="J613" s="47">
        <v>16.2</v>
      </c>
    </row>
    <row r="614" spans="2:10" ht="21.6" x14ac:dyDescent="0.2">
      <c r="B614" s="76"/>
      <c r="C614" s="39" t="s">
        <v>44</v>
      </c>
      <c r="D614" s="45">
        <v>181</v>
      </c>
      <c r="E614" s="46">
        <v>2.8</v>
      </c>
      <c r="F614" s="46">
        <v>14.4</v>
      </c>
      <c r="G614" s="46">
        <v>55.2</v>
      </c>
      <c r="H614" s="46">
        <v>11</v>
      </c>
      <c r="I614" s="46">
        <v>4.4000000000000004</v>
      </c>
      <c r="J614" s="47">
        <v>12.2</v>
      </c>
    </row>
    <row r="615" spans="2:10" ht="21.6" x14ac:dyDescent="0.2">
      <c r="B615" s="76"/>
      <c r="C615" s="39" t="s">
        <v>45</v>
      </c>
      <c r="D615" s="45">
        <v>565</v>
      </c>
      <c r="E615" s="46">
        <v>2.2999999999999998</v>
      </c>
      <c r="F615" s="46">
        <v>10.1</v>
      </c>
      <c r="G615" s="46">
        <v>58.9</v>
      </c>
      <c r="H615" s="46">
        <v>8.1</v>
      </c>
      <c r="I615" s="46">
        <v>4.8</v>
      </c>
      <c r="J615" s="47">
        <v>15.8</v>
      </c>
    </row>
    <row r="616" spans="2:10" ht="21.6" x14ac:dyDescent="0.2">
      <c r="B616" s="76"/>
      <c r="C616" s="39" t="s">
        <v>46</v>
      </c>
      <c r="D616" s="45">
        <v>473</v>
      </c>
      <c r="E616" s="46">
        <v>2.5</v>
      </c>
      <c r="F616" s="46">
        <v>7.2</v>
      </c>
      <c r="G616" s="46">
        <v>56.2</v>
      </c>
      <c r="H616" s="46">
        <v>8.1999999999999993</v>
      </c>
      <c r="I616" s="46">
        <v>6.6</v>
      </c>
      <c r="J616" s="47">
        <v>19.2</v>
      </c>
    </row>
    <row r="617" spans="2:10" ht="21.6" x14ac:dyDescent="0.2">
      <c r="B617" s="76"/>
      <c r="C617" s="39" t="s">
        <v>47</v>
      </c>
      <c r="D617" s="45">
        <v>441</v>
      </c>
      <c r="E617" s="46">
        <v>2.5</v>
      </c>
      <c r="F617" s="46">
        <v>14.3</v>
      </c>
      <c r="G617" s="46">
        <v>59</v>
      </c>
      <c r="H617" s="46">
        <v>10</v>
      </c>
      <c r="I617" s="46">
        <v>5</v>
      </c>
      <c r="J617" s="47">
        <v>9.3000000000000007</v>
      </c>
    </row>
    <row r="618" spans="2:10" ht="21.6" x14ac:dyDescent="0.2">
      <c r="B618" s="76"/>
      <c r="C618" s="39" t="s">
        <v>48</v>
      </c>
      <c r="D618" s="45">
        <v>305</v>
      </c>
      <c r="E618" s="46">
        <v>2.6</v>
      </c>
      <c r="F618" s="46">
        <v>13.8</v>
      </c>
      <c r="G618" s="46">
        <v>63.6</v>
      </c>
      <c r="H618" s="46">
        <v>9.1999999999999993</v>
      </c>
      <c r="I618" s="46">
        <v>3.3</v>
      </c>
      <c r="J618" s="47">
        <v>7.5</v>
      </c>
    </row>
    <row r="619" spans="2:10" ht="21.6" x14ac:dyDescent="0.2">
      <c r="B619" s="76"/>
      <c r="C619" s="39" t="s">
        <v>49</v>
      </c>
      <c r="D619" s="45">
        <v>223</v>
      </c>
      <c r="E619" s="46">
        <v>4.5</v>
      </c>
      <c r="F619" s="46">
        <v>16.600000000000001</v>
      </c>
      <c r="G619" s="46">
        <v>60.1</v>
      </c>
      <c r="H619" s="46">
        <v>9</v>
      </c>
      <c r="I619" s="46">
        <v>3.6</v>
      </c>
      <c r="J619" s="47">
        <v>6.3</v>
      </c>
    </row>
    <row r="620" spans="2:10" ht="21.6" x14ac:dyDescent="0.2">
      <c r="B620" s="76"/>
      <c r="C620" s="39" t="s">
        <v>50</v>
      </c>
      <c r="D620" s="45">
        <v>123</v>
      </c>
      <c r="E620" s="46">
        <v>1.6</v>
      </c>
      <c r="F620" s="46">
        <v>16.3</v>
      </c>
      <c r="G620" s="46">
        <v>65.900000000000006</v>
      </c>
      <c r="H620" s="46">
        <v>7.3</v>
      </c>
      <c r="I620" s="46">
        <v>3.3</v>
      </c>
      <c r="J620" s="47">
        <v>5.7</v>
      </c>
    </row>
    <row r="621" spans="2:10" ht="21.6" x14ac:dyDescent="0.2">
      <c r="B621" s="76"/>
      <c r="C621" s="39" t="s">
        <v>51</v>
      </c>
      <c r="D621" s="45">
        <v>124</v>
      </c>
      <c r="E621" s="46">
        <v>2.4</v>
      </c>
      <c r="F621" s="46">
        <v>21.8</v>
      </c>
      <c r="G621" s="46">
        <v>61.3</v>
      </c>
      <c r="H621" s="46">
        <v>4.8</v>
      </c>
      <c r="I621" s="46">
        <v>4</v>
      </c>
      <c r="J621" s="47">
        <v>5.6</v>
      </c>
    </row>
    <row r="622" spans="2:10" ht="21.6" x14ac:dyDescent="0.2">
      <c r="B622" s="76"/>
      <c r="C622" s="39" t="s">
        <v>52</v>
      </c>
      <c r="D622" s="45">
        <v>312</v>
      </c>
      <c r="E622" s="46">
        <v>2.2000000000000002</v>
      </c>
      <c r="F622" s="46">
        <v>7.4</v>
      </c>
      <c r="G622" s="46">
        <v>64.099999999999994</v>
      </c>
      <c r="H622" s="46">
        <v>8.3000000000000007</v>
      </c>
      <c r="I622" s="46">
        <v>5.0999999999999996</v>
      </c>
      <c r="J622" s="47">
        <v>12.8</v>
      </c>
    </row>
    <row r="623" spans="2:10" x14ac:dyDescent="0.2">
      <c r="B623" s="76"/>
      <c r="C623" s="39" t="s">
        <v>53</v>
      </c>
      <c r="D623" s="45">
        <v>269</v>
      </c>
      <c r="E623" s="46">
        <v>1.5</v>
      </c>
      <c r="F623" s="46">
        <v>11.9</v>
      </c>
      <c r="G623" s="46">
        <v>65.099999999999994</v>
      </c>
      <c r="H623" s="46">
        <v>7.4</v>
      </c>
      <c r="I623" s="46">
        <v>4.0999999999999996</v>
      </c>
      <c r="J623" s="47">
        <v>10</v>
      </c>
    </row>
    <row r="624" spans="2:10" ht="21.6" x14ac:dyDescent="0.2">
      <c r="B624" s="76"/>
      <c r="C624" s="39" t="s">
        <v>54</v>
      </c>
      <c r="D624" s="45">
        <v>511</v>
      </c>
      <c r="E624" s="46">
        <v>4.0999999999999996</v>
      </c>
      <c r="F624" s="46">
        <v>13.5</v>
      </c>
      <c r="G624" s="46">
        <v>58.5</v>
      </c>
      <c r="H624" s="46">
        <v>10</v>
      </c>
      <c r="I624" s="46">
        <v>5.0999999999999996</v>
      </c>
      <c r="J624" s="47">
        <v>8.8000000000000007</v>
      </c>
    </row>
    <row r="625" spans="1:25" ht="21.6" x14ac:dyDescent="0.2">
      <c r="B625" s="76"/>
      <c r="C625" s="39" t="s">
        <v>55</v>
      </c>
      <c r="D625" s="45">
        <v>615</v>
      </c>
      <c r="E625" s="46">
        <v>2.4</v>
      </c>
      <c r="F625" s="46">
        <v>16.3</v>
      </c>
      <c r="G625" s="46">
        <v>57.6</v>
      </c>
      <c r="H625" s="46">
        <v>9.3000000000000007</v>
      </c>
      <c r="I625" s="46">
        <v>4.2</v>
      </c>
      <c r="J625" s="47">
        <v>10.199999999999999</v>
      </c>
    </row>
    <row r="626" spans="1:25" ht="21.6" x14ac:dyDescent="0.2">
      <c r="B626" s="76"/>
      <c r="C626" s="39" t="s">
        <v>56</v>
      </c>
      <c r="D626" s="45">
        <v>800</v>
      </c>
      <c r="E626" s="46">
        <v>3.4</v>
      </c>
      <c r="F626" s="46">
        <v>16.899999999999999</v>
      </c>
      <c r="G626" s="46">
        <v>54.6</v>
      </c>
      <c r="H626" s="46">
        <v>9.3000000000000007</v>
      </c>
      <c r="I626" s="46">
        <v>4.9000000000000004</v>
      </c>
      <c r="J626" s="47">
        <v>11</v>
      </c>
    </row>
    <row r="627" spans="1:25" x14ac:dyDescent="0.2">
      <c r="B627" s="76"/>
      <c r="C627" s="40" t="s">
        <v>57</v>
      </c>
      <c r="D627" s="48">
        <v>798</v>
      </c>
      <c r="E627" s="49">
        <v>1.6</v>
      </c>
      <c r="F627" s="49">
        <v>10.3</v>
      </c>
      <c r="G627" s="49">
        <v>65.7</v>
      </c>
      <c r="H627" s="49">
        <v>10</v>
      </c>
      <c r="I627" s="49">
        <v>4.8</v>
      </c>
      <c r="J627" s="50">
        <v>7.6</v>
      </c>
    </row>
    <row r="628" spans="1:25" x14ac:dyDescent="0.2">
      <c r="B628" s="7" t="s">
        <v>71</v>
      </c>
      <c r="C628" s="4" t="s">
        <v>92</v>
      </c>
    </row>
    <row r="629" spans="1:25" x14ac:dyDescent="0.2">
      <c r="B629" s="4"/>
      <c r="C629" s="4" t="s">
        <v>73</v>
      </c>
    </row>
    <row r="631" spans="1:25" x14ac:dyDescent="0.2">
      <c r="C631" t="s">
        <v>35</v>
      </c>
    </row>
    <row r="632" spans="1:25" x14ac:dyDescent="0.2">
      <c r="B632" s="74" t="s">
        <v>189</v>
      </c>
      <c r="C632" s="75"/>
      <c r="D632" s="75"/>
      <c r="E632" s="75"/>
      <c r="F632" s="75"/>
      <c r="G632" s="75"/>
      <c r="H632" s="75"/>
      <c r="I632" s="75"/>
      <c r="J632" s="75"/>
      <c r="K632" s="75"/>
      <c r="L632" s="75"/>
      <c r="M632" s="75"/>
      <c r="N632" s="75"/>
      <c r="O632" s="75"/>
      <c r="P632" s="75"/>
      <c r="Q632" s="75"/>
      <c r="R632" s="75"/>
      <c r="S632" s="75"/>
      <c r="T632" s="75"/>
      <c r="U632" s="75"/>
      <c r="V632" s="75"/>
      <c r="W632" s="75"/>
      <c r="X632" s="75"/>
      <c r="Y632" s="75"/>
    </row>
    <row r="633" spans="1:25" s="32" customFormat="1" ht="36.450000000000003" customHeight="1" x14ac:dyDescent="0.15">
      <c r="A633" s="31"/>
      <c r="D633" s="33" t="s">
        <v>242</v>
      </c>
      <c r="E633" s="35" t="s">
        <v>277</v>
      </c>
      <c r="F633" s="36" t="s">
        <v>278</v>
      </c>
      <c r="G633" s="36" t="s">
        <v>279</v>
      </c>
      <c r="H633" s="36" t="s">
        <v>280</v>
      </c>
      <c r="I633" s="36" t="s">
        <v>281</v>
      </c>
      <c r="J633" s="37" t="s">
        <v>276</v>
      </c>
      <c r="K633" s="34" t="s">
        <v>251</v>
      </c>
    </row>
    <row r="634" spans="1:25" ht="21.6" x14ac:dyDescent="0.2">
      <c r="B634" s="76" t="s">
        <v>37</v>
      </c>
      <c r="C634" s="38" t="s">
        <v>58</v>
      </c>
      <c r="D634" s="51">
        <v>609</v>
      </c>
      <c r="E634" s="52">
        <v>3.9</v>
      </c>
      <c r="F634" s="52">
        <v>16.600000000000001</v>
      </c>
      <c r="G634" s="52">
        <v>53.2</v>
      </c>
      <c r="H634" s="52">
        <v>9.6999999999999993</v>
      </c>
      <c r="I634" s="52">
        <v>4.5999999999999996</v>
      </c>
      <c r="J634" s="53">
        <v>12</v>
      </c>
    </row>
    <row r="635" spans="1:25" ht="21.6" x14ac:dyDescent="0.2">
      <c r="B635" s="76"/>
      <c r="C635" s="39" t="s">
        <v>59</v>
      </c>
      <c r="D635" s="45">
        <v>1391</v>
      </c>
      <c r="E635" s="46">
        <v>1.9</v>
      </c>
      <c r="F635" s="46">
        <v>10.1</v>
      </c>
      <c r="G635" s="46">
        <v>60.3</v>
      </c>
      <c r="H635" s="46">
        <v>8.6999999999999993</v>
      </c>
      <c r="I635" s="46">
        <v>4.5</v>
      </c>
      <c r="J635" s="47">
        <v>14.5</v>
      </c>
    </row>
    <row r="636" spans="1:25" x14ac:dyDescent="0.2">
      <c r="B636" s="76"/>
      <c r="C636" s="39" t="s">
        <v>60</v>
      </c>
      <c r="D636" s="45">
        <v>1325</v>
      </c>
      <c r="E636" s="46">
        <v>2.7</v>
      </c>
      <c r="F636" s="46">
        <v>12.1</v>
      </c>
      <c r="G636" s="46">
        <v>57.7</v>
      </c>
      <c r="H636" s="46">
        <v>9.4</v>
      </c>
      <c r="I636" s="46">
        <v>4.5999999999999996</v>
      </c>
      <c r="J636" s="47">
        <v>13.5</v>
      </c>
    </row>
    <row r="637" spans="1:25" x14ac:dyDescent="0.2">
      <c r="B637" s="76"/>
      <c r="C637" s="39" t="s">
        <v>61</v>
      </c>
      <c r="D637" s="45">
        <v>675</v>
      </c>
      <c r="E637" s="46">
        <v>2.2000000000000002</v>
      </c>
      <c r="F637" s="46">
        <v>12</v>
      </c>
      <c r="G637" s="46">
        <v>59.1</v>
      </c>
      <c r="H637" s="46">
        <v>8.1</v>
      </c>
      <c r="I637" s="46">
        <v>4.4000000000000004</v>
      </c>
      <c r="J637" s="47">
        <v>14.1</v>
      </c>
    </row>
    <row r="638" spans="1:25" x14ac:dyDescent="0.2">
      <c r="B638" s="76"/>
      <c r="C638" s="39" t="s">
        <v>62</v>
      </c>
      <c r="D638" s="45">
        <v>1086</v>
      </c>
      <c r="E638" s="46">
        <v>2.8</v>
      </c>
      <c r="F638" s="46">
        <v>12.4</v>
      </c>
      <c r="G638" s="46">
        <v>58.8</v>
      </c>
      <c r="H638" s="46">
        <v>9.9</v>
      </c>
      <c r="I638" s="46">
        <v>5.4</v>
      </c>
      <c r="J638" s="47">
        <v>10.7</v>
      </c>
    </row>
    <row r="639" spans="1:25" ht="21.6" x14ac:dyDescent="0.2">
      <c r="B639" s="76"/>
      <c r="C639" s="39" t="s">
        <v>63</v>
      </c>
      <c r="D639" s="45">
        <v>203</v>
      </c>
      <c r="E639" s="46">
        <v>3</v>
      </c>
      <c r="F639" s="46">
        <v>13.8</v>
      </c>
      <c r="G639" s="46">
        <v>52.2</v>
      </c>
      <c r="H639" s="46">
        <v>8.4</v>
      </c>
      <c r="I639" s="46">
        <v>2</v>
      </c>
      <c r="J639" s="47">
        <v>20.7</v>
      </c>
    </row>
    <row r="640" spans="1:25" x14ac:dyDescent="0.2">
      <c r="B640" s="76"/>
      <c r="C640" s="39" t="s">
        <v>64</v>
      </c>
      <c r="D640" s="45">
        <v>263</v>
      </c>
      <c r="E640" s="46">
        <v>2.7</v>
      </c>
      <c r="F640" s="46">
        <v>12.5</v>
      </c>
      <c r="G640" s="46">
        <v>56.7</v>
      </c>
      <c r="H640" s="46">
        <v>12.5</v>
      </c>
      <c r="I640" s="46">
        <v>7.2</v>
      </c>
      <c r="J640" s="47">
        <v>8.4</v>
      </c>
    </row>
    <row r="641" spans="2:10" x14ac:dyDescent="0.2">
      <c r="B641" s="76"/>
      <c r="C641" s="39" t="s">
        <v>65</v>
      </c>
      <c r="D641" s="45">
        <v>312</v>
      </c>
      <c r="E641" s="46">
        <v>3.5</v>
      </c>
      <c r="F641" s="46">
        <v>12.5</v>
      </c>
      <c r="G641" s="46">
        <v>58.7</v>
      </c>
      <c r="H641" s="46">
        <v>9.3000000000000007</v>
      </c>
      <c r="I641" s="46">
        <v>6.1</v>
      </c>
      <c r="J641" s="47">
        <v>9.9</v>
      </c>
    </row>
    <row r="642" spans="2:10" x14ac:dyDescent="0.2">
      <c r="B642" s="76"/>
      <c r="C642" s="39" t="s">
        <v>66</v>
      </c>
      <c r="D642" s="45">
        <v>230</v>
      </c>
      <c r="E642" s="46">
        <v>1.7</v>
      </c>
      <c r="F642" s="46">
        <v>10</v>
      </c>
      <c r="G642" s="46">
        <v>64.3</v>
      </c>
      <c r="H642" s="46">
        <v>10.4</v>
      </c>
      <c r="I642" s="46">
        <v>5.7</v>
      </c>
      <c r="J642" s="47">
        <v>7.8</v>
      </c>
    </row>
    <row r="643" spans="2:10" x14ac:dyDescent="0.2">
      <c r="B643" s="76"/>
      <c r="C643" s="39" t="s">
        <v>67</v>
      </c>
      <c r="D643" s="45">
        <v>78</v>
      </c>
      <c r="E643" s="46">
        <v>2.6</v>
      </c>
      <c r="F643" s="46">
        <v>15.4</v>
      </c>
      <c r="G643" s="46">
        <v>67.900000000000006</v>
      </c>
      <c r="H643" s="46">
        <v>5.0999999999999996</v>
      </c>
      <c r="I643" s="46">
        <v>5.0999999999999996</v>
      </c>
      <c r="J643" s="47">
        <v>3.8</v>
      </c>
    </row>
    <row r="644" spans="2:10" x14ac:dyDescent="0.2">
      <c r="B644" s="76"/>
      <c r="C644" s="39" t="s">
        <v>68</v>
      </c>
      <c r="D644" s="45">
        <v>897</v>
      </c>
      <c r="E644" s="46">
        <v>2.5</v>
      </c>
      <c r="F644" s="46">
        <v>13.8</v>
      </c>
      <c r="G644" s="46">
        <v>58.9</v>
      </c>
      <c r="H644" s="46">
        <v>10.9</v>
      </c>
      <c r="I644" s="46">
        <v>5.7</v>
      </c>
      <c r="J644" s="47">
        <v>8.1999999999999993</v>
      </c>
    </row>
    <row r="645" spans="2:10" x14ac:dyDescent="0.2">
      <c r="B645" s="76"/>
      <c r="C645" s="39" t="s">
        <v>69</v>
      </c>
      <c r="D645" s="45">
        <v>189</v>
      </c>
      <c r="E645" s="46">
        <v>4.2</v>
      </c>
      <c r="F645" s="46">
        <v>5.8</v>
      </c>
      <c r="G645" s="46">
        <v>58.7</v>
      </c>
      <c r="H645" s="46">
        <v>4.8</v>
      </c>
      <c r="I645" s="46">
        <v>4.2</v>
      </c>
      <c r="J645" s="47">
        <v>22.2</v>
      </c>
    </row>
    <row r="646" spans="2:10" x14ac:dyDescent="0.2">
      <c r="B646" s="76"/>
      <c r="C646" s="39" t="s">
        <v>70</v>
      </c>
      <c r="D646" s="45">
        <v>914</v>
      </c>
      <c r="E646" s="46">
        <v>2.2999999999999998</v>
      </c>
      <c r="F646" s="46">
        <v>11.6</v>
      </c>
      <c r="G646" s="46">
        <v>57.3</v>
      </c>
      <c r="H646" s="46">
        <v>8</v>
      </c>
      <c r="I646" s="46">
        <v>3.5</v>
      </c>
      <c r="J646" s="47">
        <v>17.3</v>
      </c>
    </row>
    <row r="647" spans="2:10" ht="21.6" x14ac:dyDescent="0.2">
      <c r="B647" s="76"/>
      <c r="C647" s="39" t="s">
        <v>63</v>
      </c>
      <c r="D647" s="45">
        <v>193</v>
      </c>
      <c r="E647" s="46">
        <v>5.2</v>
      </c>
      <c r="F647" s="46">
        <v>14</v>
      </c>
      <c r="G647" s="46">
        <v>42.5</v>
      </c>
      <c r="H647" s="46">
        <v>7.3</v>
      </c>
      <c r="I647" s="46">
        <v>2.1</v>
      </c>
      <c r="J647" s="47">
        <v>29</v>
      </c>
    </row>
    <row r="648" spans="2:10" x14ac:dyDescent="0.2">
      <c r="B648" s="76"/>
      <c r="C648" s="39" t="s">
        <v>64</v>
      </c>
      <c r="D648" s="45">
        <v>203</v>
      </c>
      <c r="E648" s="46">
        <v>3</v>
      </c>
      <c r="F648" s="46">
        <v>11.8</v>
      </c>
      <c r="G648" s="46">
        <v>55.2</v>
      </c>
      <c r="H648" s="46">
        <v>9.4</v>
      </c>
      <c r="I648" s="46">
        <v>3.9</v>
      </c>
      <c r="J648" s="47">
        <v>16.7</v>
      </c>
    </row>
    <row r="649" spans="2:10" x14ac:dyDescent="0.2">
      <c r="B649" s="76"/>
      <c r="C649" s="39" t="s">
        <v>65</v>
      </c>
      <c r="D649" s="45">
        <v>263</v>
      </c>
      <c r="E649" s="46">
        <v>1.5</v>
      </c>
      <c r="F649" s="46">
        <v>11.8</v>
      </c>
      <c r="G649" s="46">
        <v>62.4</v>
      </c>
      <c r="H649" s="46">
        <v>7.2</v>
      </c>
      <c r="I649" s="46">
        <v>3</v>
      </c>
      <c r="J649" s="47">
        <v>14.1</v>
      </c>
    </row>
    <row r="650" spans="2:10" x14ac:dyDescent="0.2">
      <c r="B650" s="76"/>
      <c r="C650" s="39" t="s">
        <v>66</v>
      </c>
      <c r="D650" s="45">
        <v>194</v>
      </c>
      <c r="E650" s="46">
        <v>0.5</v>
      </c>
      <c r="F650" s="46">
        <v>10.8</v>
      </c>
      <c r="G650" s="46">
        <v>62.9</v>
      </c>
      <c r="H650" s="46">
        <v>7.2</v>
      </c>
      <c r="I650" s="46">
        <v>4.0999999999999996</v>
      </c>
      <c r="J650" s="47">
        <v>14.4</v>
      </c>
    </row>
    <row r="651" spans="2:10" x14ac:dyDescent="0.2">
      <c r="B651" s="76"/>
      <c r="C651" s="39" t="s">
        <v>67</v>
      </c>
      <c r="D651" s="45">
        <v>61</v>
      </c>
      <c r="E651" s="46">
        <v>0</v>
      </c>
      <c r="F651" s="46">
        <v>4.9000000000000004</v>
      </c>
      <c r="G651" s="46">
        <v>72.099999999999994</v>
      </c>
      <c r="H651" s="46">
        <v>11.5</v>
      </c>
      <c r="I651" s="46">
        <v>6.6</v>
      </c>
      <c r="J651" s="47">
        <v>4.9000000000000004</v>
      </c>
    </row>
    <row r="652" spans="2:10" x14ac:dyDescent="0.2">
      <c r="B652" s="76"/>
      <c r="C652" s="39" t="s">
        <v>68</v>
      </c>
      <c r="D652" s="45">
        <v>416</v>
      </c>
      <c r="E652" s="46">
        <v>2.6</v>
      </c>
      <c r="F652" s="46">
        <v>15.9</v>
      </c>
      <c r="G652" s="46">
        <v>57.7</v>
      </c>
      <c r="H652" s="46">
        <v>7.2</v>
      </c>
      <c r="I652" s="46">
        <v>3.1</v>
      </c>
      <c r="J652" s="47">
        <v>13.5</v>
      </c>
    </row>
    <row r="653" spans="2:10" x14ac:dyDescent="0.2">
      <c r="B653" s="76"/>
      <c r="C653" s="40" t="s">
        <v>69</v>
      </c>
      <c r="D653" s="48">
        <v>498</v>
      </c>
      <c r="E653" s="49">
        <v>2</v>
      </c>
      <c r="F653" s="49">
        <v>8</v>
      </c>
      <c r="G653" s="49">
        <v>57</v>
      </c>
      <c r="H653" s="49">
        <v>8.6</v>
      </c>
      <c r="I653" s="49">
        <v>3.8</v>
      </c>
      <c r="J653" s="50">
        <v>20.5</v>
      </c>
    </row>
    <row r="654" spans="2:10" x14ac:dyDescent="0.2">
      <c r="B654" s="7" t="s">
        <v>71</v>
      </c>
      <c r="C654" s="4" t="s">
        <v>92</v>
      </c>
    </row>
    <row r="655" spans="2:10" x14ac:dyDescent="0.2">
      <c r="B655" s="4"/>
      <c r="C655" s="4" t="s">
        <v>73</v>
      </c>
    </row>
    <row r="657" spans="1:25" x14ac:dyDescent="0.2">
      <c r="A657" s="26" t="s">
        <v>25</v>
      </c>
      <c r="B657" t="s">
        <v>35</v>
      </c>
      <c r="C657" t="s">
        <v>35</v>
      </c>
    </row>
    <row r="658" spans="1:25" x14ac:dyDescent="0.2">
      <c r="B658" s="74" t="s">
        <v>93</v>
      </c>
      <c r="C658" s="75"/>
      <c r="D658" s="75"/>
      <c r="E658" s="75"/>
      <c r="F658" s="75"/>
      <c r="G658" s="75"/>
      <c r="H658" s="75"/>
      <c r="I658" s="75"/>
      <c r="J658" s="75"/>
      <c r="K658" s="75"/>
      <c r="L658" s="75"/>
      <c r="M658" s="75"/>
      <c r="N658" s="75"/>
      <c r="O658" s="75"/>
      <c r="P658" s="75"/>
      <c r="Q658" s="75"/>
      <c r="R658" s="75"/>
      <c r="S658" s="75"/>
      <c r="T658" s="75"/>
      <c r="U658" s="75"/>
      <c r="V658" s="75"/>
      <c r="W658" s="75"/>
      <c r="X658" s="75"/>
      <c r="Y658" s="75"/>
    </row>
    <row r="659" spans="1:25" s="32" customFormat="1" ht="36.450000000000003" customHeight="1" x14ac:dyDescent="0.15">
      <c r="A659" s="31"/>
      <c r="D659" s="33" t="s">
        <v>242</v>
      </c>
      <c r="E659" s="35" t="s">
        <v>277</v>
      </c>
      <c r="F659" s="36" t="s">
        <v>278</v>
      </c>
      <c r="G659" s="36" t="s">
        <v>279</v>
      </c>
      <c r="H659" s="36" t="s">
        <v>280</v>
      </c>
      <c r="I659" s="36" t="s">
        <v>281</v>
      </c>
      <c r="J659" s="37" t="s">
        <v>276</v>
      </c>
      <c r="K659" s="34" t="s">
        <v>251</v>
      </c>
    </row>
    <row r="660" spans="1:25" x14ac:dyDescent="0.2">
      <c r="B660" s="5"/>
      <c r="C660" s="41" t="s">
        <v>38</v>
      </c>
      <c r="D660" s="42">
        <v>2000</v>
      </c>
      <c r="E660" s="43">
        <v>3.4</v>
      </c>
      <c r="F660" s="43">
        <v>13</v>
      </c>
      <c r="G660" s="43">
        <v>57.4</v>
      </c>
      <c r="H660" s="43">
        <v>8.1999999999999993</v>
      </c>
      <c r="I660" s="43">
        <v>4</v>
      </c>
      <c r="J660" s="44">
        <v>14.2</v>
      </c>
    </row>
    <row r="661" spans="1:25" x14ac:dyDescent="0.2">
      <c r="B661" s="76" t="s">
        <v>37</v>
      </c>
      <c r="C661" s="39" t="s">
        <v>39</v>
      </c>
      <c r="D661" s="45">
        <v>111</v>
      </c>
      <c r="E661" s="46">
        <v>7.2</v>
      </c>
      <c r="F661" s="46">
        <v>10.8</v>
      </c>
      <c r="G661" s="46">
        <v>64.900000000000006</v>
      </c>
      <c r="H661" s="46">
        <v>6.3</v>
      </c>
      <c r="I661" s="46">
        <v>2.7</v>
      </c>
      <c r="J661" s="47">
        <v>8.1</v>
      </c>
    </row>
    <row r="662" spans="1:25" x14ac:dyDescent="0.2">
      <c r="B662" s="76"/>
      <c r="C662" s="39" t="s">
        <v>40</v>
      </c>
      <c r="D662" s="45">
        <v>450</v>
      </c>
      <c r="E662" s="46">
        <v>2.9</v>
      </c>
      <c r="F662" s="46">
        <v>15.8</v>
      </c>
      <c r="G662" s="46">
        <v>58.2</v>
      </c>
      <c r="H662" s="46">
        <v>7.8</v>
      </c>
      <c r="I662" s="46">
        <v>4.9000000000000004</v>
      </c>
      <c r="J662" s="47">
        <v>10.4</v>
      </c>
    </row>
    <row r="663" spans="1:25" ht="21.6" x14ac:dyDescent="0.2">
      <c r="B663" s="76"/>
      <c r="C663" s="39" t="s">
        <v>41</v>
      </c>
      <c r="D663" s="45">
        <v>30</v>
      </c>
      <c r="E663" s="46">
        <v>6.7</v>
      </c>
      <c r="F663" s="46">
        <v>6.7</v>
      </c>
      <c r="G663" s="46">
        <v>46.7</v>
      </c>
      <c r="H663" s="46">
        <v>13.3</v>
      </c>
      <c r="I663" s="46">
        <v>3.3</v>
      </c>
      <c r="J663" s="47">
        <v>23.3</v>
      </c>
    </row>
    <row r="664" spans="1:25" ht="21.6" x14ac:dyDescent="0.2">
      <c r="B664" s="76"/>
      <c r="C664" s="39" t="s">
        <v>42</v>
      </c>
      <c r="D664" s="45">
        <v>336</v>
      </c>
      <c r="E664" s="46">
        <v>4.2</v>
      </c>
      <c r="F664" s="46">
        <v>15.5</v>
      </c>
      <c r="G664" s="46">
        <v>53.9</v>
      </c>
      <c r="H664" s="46">
        <v>9.1999999999999993</v>
      </c>
      <c r="I664" s="46">
        <v>3</v>
      </c>
      <c r="J664" s="47">
        <v>14.3</v>
      </c>
    </row>
    <row r="665" spans="1:25" ht="21.6" x14ac:dyDescent="0.2">
      <c r="B665" s="76"/>
      <c r="C665" s="39" t="s">
        <v>43</v>
      </c>
      <c r="D665" s="45">
        <v>327</v>
      </c>
      <c r="E665" s="46">
        <v>2.1</v>
      </c>
      <c r="F665" s="46">
        <v>11.9</v>
      </c>
      <c r="G665" s="46">
        <v>56</v>
      </c>
      <c r="H665" s="46">
        <v>9.1999999999999993</v>
      </c>
      <c r="I665" s="46">
        <v>3.1</v>
      </c>
      <c r="J665" s="47">
        <v>17.7</v>
      </c>
    </row>
    <row r="666" spans="1:25" ht="21.6" x14ac:dyDescent="0.2">
      <c r="B666" s="76"/>
      <c r="C666" s="39" t="s">
        <v>44</v>
      </c>
      <c r="D666" s="45">
        <v>181</v>
      </c>
      <c r="E666" s="46">
        <v>3.3</v>
      </c>
      <c r="F666" s="46">
        <v>13.8</v>
      </c>
      <c r="G666" s="46">
        <v>56.4</v>
      </c>
      <c r="H666" s="46">
        <v>9.9</v>
      </c>
      <c r="I666" s="46">
        <v>3.9</v>
      </c>
      <c r="J666" s="47">
        <v>12.7</v>
      </c>
    </row>
    <row r="667" spans="1:25" ht="21.6" x14ac:dyDescent="0.2">
      <c r="B667" s="76"/>
      <c r="C667" s="39" t="s">
        <v>45</v>
      </c>
      <c r="D667" s="45">
        <v>565</v>
      </c>
      <c r="E667" s="46">
        <v>3</v>
      </c>
      <c r="F667" s="46">
        <v>10.3</v>
      </c>
      <c r="G667" s="46">
        <v>59.1</v>
      </c>
      <c r="H667" s="46">
        <v>6.7</v>
      </c>
      <c r="I667" s="46">
        <v>4.8</v>
      </c>
      <c r="J667" s="47">
        <v>16.100000000000001</v>
      </c>
    </row>
    <row r="668" spans="1:25" ht="21.6" x14ac:dyDescent="0.2">
      <c r="B668" s="76"/>
      <c r="C668" s="39" t="s">
        <v>46</v>
      </c>
      <c r="D668" s="45">
        <v>473</v>
      </c>
      <c r="E668" s="46">
        <v>2.7</v>
      </c>
      <c r="F668" s="46">
        <v>7.8</v>
      </c>
      <c r="G668" s="46">
        <v>56.2</v>
      </c>
      <c r="H668" s="46">
        <v>8.1999999999999993</v>
      </c>
      <c r="I668" s="46">
        <v>5.3</v>
      </c>
      <c r="J668" s="47">
        <v>19.7</v>
      </c>
    </row>
    <row r="669" spans="1:25" ht="21.6" x14ac:dyDescent="0.2">
      <c r="B669" s="76"/>
      <c r="C669" s="39" t="s">
        <v>47</v>
      </c>
      <c r="D669" s="45">
        <v>441</v>
      </c>
      <c r="E669" s="46">
        <v>3.4</v>
      </c>
      <c r="F669" s="46">
        <v>14.3</v>
      </c>
      <c r="G669" s="46">
        <v>59.2</v>
      </c>
      <c r="H669" s="46">
        <v>10</v>
      </c>
      <c r="I669" s="46">
        <v>3.9</v>
      </c>
      <c r="J669" s="47">
        <v>9.3000000000000007</v>
      </c>
    </row>
    <row r="670" spans="1:25" ht="21.6" x14ac:dyDescent="0.2">
      <c r="B670" s="76"/>
      <c r="C670" s="39" t="s">
        <v>48</v>
      </c>
      <c r="D670" s="45">
        <v>305</v>
      </c>
      <c r="E670" s="46">
        <v>2.6</v>
      </c>
      <c r="F670" s="46">
        <v>14.1</v>
      </c>
      <c r="G670" s="46">
        <v>63.6</v>
      </c>
      <c r="H670" s="46">
        <v>8.1999999999999993</v>
      </c>
      <c r="I670" s="46">
        <v>3.6</v>
      </c>
      <c r="J670" s="47">
        <v>7.9</v>
      </c>
    </row>
    <row r="671" spans="1:25" ht="21.6" x14ac:dyDescent="0.2">
      <c r="B671" s="76"/>
      <c r="C671" s="39" t="s">
        <v>49</v>
      </c>
      <c r="D671" s="45">
        <v>223</v>
      </c>
      <c r="E671" s="46">
        <v>5.4</v>
      </c>
      <c r="F671" s="46">
        <v>16.600000000000001</v>
      </c>
      <c r="G671" s="46">
        <v>61</v>
      </c>
      <c r="H671" s="46">
        <v>7.2</v>
      </c>
      <c r="I671" s="46">
        <v>3.1</v>
      </c>
      <c r="J671" s="47">
        <v>6.7</v>
      </c>
    </row>
    <row r="672" spans="1:25" ht="21.6" x14ac:dyDescent="0.2">
      <c r="B672" s="76"/>
      <c r="C672" s="39" t="s">
        <v>50</v>
      </c>
      <c r="D672" s="45">
        <v>123</v>
      </c>
      <c r="E672" s="46">
        <v>6.5</v>
      </c>
      <c r="F672" s="46">
        <v>19.5</v>
      </c>
      <c r="G672" s="46">
        <v>59.3</v>
      </c>
      <c r="H672" s="46">
        <v>5.7</v>
      </c>
      <c r="I672" s="46">
        <v>3.3</v>
      </c>
      <c r="J672" s="47">
        <v>5.7</v>
      </c>
    </row>
    <row r="673" spans="1:25" ht="21.6" x14ac:dyDescent="0.2">
      <c r="B673" s="76"/>
      <c r="C673" s="39" t="s">
        <v>51</v>
      </c>
      <c r="D673" s="45">
        <v>124</v>
      </c>
      <c r="E673" s="46">
        <v>3.2</v>
      </c>
      <c r="F673" s="46">
        <v>25</v>
      </c>
      <c r="G673" s="46">
        <v>55.6</v>
      </c>
      <c r="H673" s="46">
        <v>4</v>
      </c>
      <c r="I673" s="46">
        <v>4.8</v>
      </c>
      <c r="J673" s="47">
        <v>7.3</v>
      </c>
    </row>
    <row r="674" spans="1:25" ht="21.6" x14ac:dyDescent="0.2">
      <c r="B674" s="76"/>
      <c r="C674" s="39" t="s">
        <v>52</v>
      </c>
      <c r="D674" s="45">
        <v>312</v>
      </c>
      <c r="E674" s="46">
        <v>2.9</v>
      </c>
      <c r="F674" s="46">
        <v>7.1</v>
      </c>
      <c r="G674" s="46">
        <v>64.400000000000006</v>
      </c>
      <c r="H674" s="46">
        <v>8</v>
      </c>
      <c r="I674" s="46">
        <v>4.5</v>
      </c>
      <c r="J674" s="47">
        <v>13.1</v>
      </c>
    </row>
    <row r="675" spans="1:25" x14ac:dyDescent="0.2">
      <c r="B675" s="76"/>
      <c r="C675" s="39" t="s">
        <v>53</v>
      </c>
      <c r="D675" s="45">
        <v>269</v>
      </c>
      <c r="E675" s="46">
        <v>1.9</v>
      </c>
      <c r="F675" s="46">
        <v>11.2</v>
      </c>
      <c r="G675" s="46">
        <v>67.3</v>
      </c>
      <c r="H675" s="46">
        <v>5.9</v>
      </c>
      <c r="I675" s="46">
        <v>3.7</v>
      </c>
      <c r="J675" s="47">
        <v>10</v>
      </c>
    </row>
    <row r="676" spans="1:25" ht="21.6" x14ac:dyDescent="0.2">
      <c r="B676" s="76"/>
      <c r="C676" s="39" t="s">
        <v>54</v>
      </c>
      <c r="D676" s="45">
        <v>511</v>
      </c>
      <c r="E676" s="46">
        <v>4.3</v>
      </c>
      <c r="F676" s="46">
        <v>16.2</v>
      </c>
      <c r="G676" s="46">
        <v>55.2</v>
      </c>
      <c r="H676" s="46">
        <v>10.6</v>
      </c>
      <c r="I676" s="46">
        <v>4.5</v>
      </c>
      <c r="J676" s="47">
        <v>9.1999999999999993</v>
      </c>
    </row>
    <row r="677" spans="1:25" ht="21.6" x14ac:dyDescent="0.2">
      <c r="B677" s="76"/>
      <c r="C677" s="39" t="s">
        <v>55</v>
      </c>
      <c r="D677" s="45">
        <v>615</v>
      </c>
      <c r="E677" s="46">
        <v>4.5999999999999996</v>
      </c>
      <c r="F677" s="46">
        <v>17.600000000000001</v>
      </c>
      <c r="G677" s="46">
        <v>56.3</v>
      </c>
      <c r="H677" s="46">
        <v>8</v>
      </c>
      <c r="I677" s="46">
        <v>2.9</v>
      </c>
      <c r="J677" s="47">
        <v>10.7</v>
      </c>
    </row>
    <row r="678" spans="1:25" ht="21.6" x14ac:dyDescent="0.2">
      <c r="B678" s="76"/>
      <c r="C678" s="39" t="s">
        <v>56</v>
      </c>
      <c r="D678" s="45">
        <v>800</v>
      </c>
      <c r="E678" s="46">
        <v>5</v>
      </c>
      <c r="F678" s="46">
        <v>17.399999999999999</v>
      </c>
      <c r="G678" s="46">
        <v>53.5</v>
      </c>
      <c r="H678" s="46">
        <v>9.3000000000000007</v>
      </c>
      <c r="I678" s="46">
        <v>3.8</v>
      </c>
      <c r="J678" s="47">
        <v>11.1</v>
      </c>
    </row>
    <row r="679" spans="1:25" x14ac:dyDescent="0.2">
      <c r="B679" s="76"/>
      <c r="C679" s="40" t="s">
        <v>57</v>
      </c>
      <c r="D679" s="48">
        <v>798</v>
      </c>
      <c r="E679" s="49">
        <v>2.4</v>
      </c>
      <c r="F679" s="49">
        <v>11.8</v>
      </c>
      <c r="G679" s="49">
        <v>64.8</v>
      </c>
      <c r="H679" s="49">
        <v>8.5</v>
      </c>
      <c r="I679" s="49">
        <v>4.5</v>
      </c>
      <c r="J679" s="50">
        <v>8</v>
      </c>
    </row>
    <row r="680" spans="1:25" x14ac:dyDescent="0.2">
      <c r="B680" s="7" t="s">
        <v>71</v>
      </c>
      <c r="C680" s="4" t="s">
        <v>94</v>
      </c>
    </row>
    <row r="681" spans="1:25" x14ac:dyDescent="0.2">
      <c r="B681" s="4"/>
      <c r="C681" s="4" t="s">
        <v>73</v>
      </c>
    </row>
    <row r="683" spans="1:25" x14ac:dyDescent="0.2">
      <c r="C683" t="s">
        <v>35</v>
      </c>
    </row>
    <row r="684" spans="1:25" x14ac:dyDescent="0.2">
      <c r="B684" s="74" t="s">
        <v>190</v>
      </c>
      <c r="C684" s="75"/>
      <c r="D684" s="75"/>
      <c r="E684" s="75"/>
      <c r="F684" s="75"/>
      <c r="G684" s="75"/>
      <c r="H684" s="75"/>
      <c r="I684" s="75"/>
      <c r="J684" s="75"/>
      <c r="K684" s="75"/>
      <c r="L684" s="75"/>
      <c r="M684" s="75"/>
      <c r="N684" s="75"/>
      <c r="O684" s="75"/>
      <c r="P684" s="75"/>
      <c r="Q684" s="75"/>
      <c r="R684" s="75"/>
      <c r="S684" s="75"/>
      <c r="T684" s="75"/>
      <c r="U684" s="75"/>
      <c r="V684" s="75"/>
      <c r="W684" s="75"/>
      <c r="X684" s="75"/>
      <c r="Y684" s="75"/>
    </row>
    <row r="685" spans="1:25" s="32" customFormat="1" ht="36.450000000000003" customHeight="1" x14ac:dyDescent="0.15">
      <c r="A685" s="31"/>
      <c r="D685" s="33" t="s">
        <v>242</v>
      </c>
      <c r="E685" s="35" t="s">
        <v>277</v>
      </c>
      <c r="F685" s="36" t="s">
        <v>278</v>
      </c>
      <c r="G685" s="36" t="s">
        <v>279</v>
      </c>
      <c r="H685" s="36" t="s">
        <v>280</v>
      </c>
      <c r="I685" s="36" t="s">
        <v>281</v>
      </c>
      <c r="J685" s="37" t="s">
        <v>276</v>
      </c>
      <c r="K685" s="34" t="s">
        <v>251</v>
      </c>
    </row>
    <row r="686" spans="1:25" ht="21.6" x14ac:dyDescent="0.2">
      <c r="B686" s="76" t="s">
        <v>37</v>
      </c>
      <c r="C686" s="38" t="s">
        <v>58</v>
      </c>
      <c r="D686" s="51">
        <v>609</v>
      </c>
      <c r="E686" s="52">
        <v>5.4</v>
      </c>
      <c r="F686" s="52">
        <v>17.600000000000001</v>
      </c>
      <c r="G686" s="52">
        <v>52.4</v>
      </c>
      <c r="H686" s="52">
        <v>8.9</v>
      </c>
      <c r="I686" s="52">
        <v>3.6</v>
      </c>
      <c r="J686" s="53">
        <v>12.2</v>
      </c>
    </row>
    <row r="687" spans="1:25" ht="21.6" x14ac:dyDescent="0.2">
      <c r="B687" s="76"/>
      <c r="C687" s="39" t="s">
        <v>59</v>
      </c>
      <c r="D687" s="45">
        <v>1391</v>
      </c>
      <c r="E687" s="46">
        <v>2.4</v>
      </c>
      <c r="F687" s="46">
        <v>10.9</v>
      </c>
      <c r="G687" s="46">
        <v>59.6</v>
      </c>
      <c r="H687" s="46">
        <v>7.8</v>
      </c>
      <c r="I687" s="46">
        <v>4.2</v>
      </c>
      <c r="J687" s="47">
        <v>15</v>
      </c>
    </row>
    <row r="688" spans="1:25" x14ac:dyDescent="0.2">
      <c r="B688" s="76"/>
      <c r="C688" s="39" t="s">
        <v>60</v>
      </c>
      <c r="D688" s="45">
        <v>1325</v>
      </c>
      <c r="E688" s="46">
        <v>3.8</v>
      </c>
      <c r="F688" s="46">
        <v>13.4</v>
      </c>
      <c r="G688" s="46">
        <v>56.3</v>
      </c>
      <c r="H688" s="46">
        <v>8.1999999999999993</v>
      </c>
      <c r="I688" s="46">
        <v>4.2</v>
      </c>
      <c r="J688" s="47">
        <v>14</v>
      </c>
    </row>
    <row r="689" spans="2:10" x14ac:dyDescent="0.2">
      <c r="B689" s="76"/>
      <c r="C689" s="39" t="s">
        <v>61</v>
      </c>
      <c r="D689" s="45">
        <v>675</v>
      </c>
      <c r="E689" s="46">
        <v>2.5</v>
      </c>
      <c r="F689" s="46">
        <v>12</v>
      </c>
      <c r="G689" s="46">
        <v>59.6</v>
      </c>
      <c r="H689" s="46">
        <v>8</v>
      </c>
      <c r="I689" s="46">
        <v>3.6</v>
      </c>
      <c r="J689" s="47">
        <v>14.4</v>
      </c>
    </row>
    <row r="690" spans="2:10" x14ac:dyDescent="0.2">
      <c r="B690" s="76"/>
      <c r="C690" s="39" t="s">
        <v>62</v>
      </c>
      <c r="D690" s="45">
        <v>1086</v>
      </c>
      <c r="E690" s="46">
        <v>3.3</v>
      </c>
      <c r="F690" s="46">
        <v>14.1</v>
      </c>
      <c r="G690" s="46">
        <v>57.6</v>
      </c>
      <c r="H690" s="46">
        <v>9.1999999999999993</v>
      </c>
      <c r="I690" s="46">
        <v>4.5</v>
      </c>
      <c r="J690" s="47">
        <v>11.3</v>
      </c>
    </row>
    <row r="691" spans="2:10" ht="21.6" x14ac:dyDescent="0.2">
      <c r="B691" s="76"/>
      <c r="C691" s="39" t="s">
        <v>63</v>
      </c>
      <c r="D691" s="45">
        <v>203</v>
      </c>
      <c r="E691" s="46">
        <v>3.4</v>
      </c>
      <c r="F691" s="46">
        <v>12.8</v>
      </c>
      <c r="G691" s="46">
        <v>56.2</v>
      </c>
      <c r="H691" s="46">
        <v>5.4</v>
      </c>
      <c r="I691" s="46">
        <v>1.5</v>
      </c>
      <c r="J691" s="47">
        <v>20.7</v>
      </c>
    </row>
    <row r="692" spans="2:10" x14ac:dyDescent="0.2">
      <c r="B692" s="76"/>
      <c r="C692" s="39" t="s">
        <v>64</v>
      </c>
      <c r="D692" s="45">
        <v>263</v>
      </c>
      <c r="E692" s="46">
        <v>4.9000000000000004</v>
      </c>
      <c r="F692" s="46">
        <v>12.5</v>
      </c>
      <c r="G692" s="46">
        <v>57.8</v>
      </c>
      <c r="H692" s="46">
        <v>10.6</v>
      </c>
      <c r="I692" s="46">
        <v>4.9000000000000004</v>
      </c>
      <c r="J692" s="47">
        <v>9.1</v>
      </c>
    </row>
    <row r="693" spans="2:10" x14ac:dyDescent="0.2">
      <c r="B693" s="76"/>
      <c r="C693" s="39" t="s">
        <v>65</v>
      </c>
      <c r="D693" s="45">
        <v>312</v>
      </c>
      <c r="E693" s="46">
        <v>3.5</v>
      </c>
      <c r="F693" s="46">
        <v>14.4</v>
      </c>
      <c r="G693" s="46">
        <v>56.4</v>
      </c>
      <c r="H693" s="46">
        <v>10.3</v>
      </c>
      <c r="I693" s="46">
        <v>4.5</v>
      </c>
      <c r="J693" s="47">
        <v>10.9</v>
      </c>
    </row>
    <row r="694" spans="2:10" x14ac:dyDescent="0.2">
      <c r="B694" s="76"/>
      <c r="C694" s="39" t="s">
        <v>66</v>
      </c>
      <c r="D694" s="45">
        <v>230</v>
      </c>
      <c r="E694" s="46">
        <v>1.3</v>
      </c>
      <c r="F694" s="46">
        <v>14.8</v>
      </c>
      <c r="G694" s="46">
        <v>58.3</v>
      </c>
      <c r="H694" s="46">
        <v>10</v>
      </c>
      <c r="I694" s="46">
        <v>7</v>
      </c>
      <c r="J694" s="47">
        <v>8.6999999999999993</v>
      </c>
    </row>
    <row r="695" spans="2:10" x14ac:dyDescent="0.2">
      <c r="B695" s="76"/>
      <c r="C695" s="39" t="s">
        <v>67</v>
      </c>
      <c r="D695" s="45">
        <v>78</v>
      </c>
      <c r="E695" s="46">
        <v>2.6</v>
      </c>
      <c r="F695" s="46">
        <v>19.2</v>
      </c>
      <c r="G695" s="46">
        <v>62.8</v>
      </c>
      <c r="H695" s="46">
        <v>7.7</v>
      </c>
      <c r="I695" s="46">
        <v>3.8</v>
      </c>
      <c r="J695" s="47">
        <v>3.8</v>
      </c>
    </row>
    <row r="696" spans="2:10" x14ac:dyDescent="0.2">
      <c r="B696" s="76"/>
      <c r="C696" s="39" t="s">
        <v>68</v>
      </c>
      <c r="D696" s="45">
        <v>897</v>
      </c>
      <c r="E696" s="46">
        <v>3.6</v>
      </c>
      <c r="F696" s="46">
        <v>15.2</v>
      </c>
      <c r="G696" s="46">
        <v>58</v>
      </c>
      <c r="H696" s="46">
        <v>10</v>
      </c>
      <c r="I696" s="46">
        <v>4.5999999999999996</v>
      </c>
      <c r="J696" s="47">
        <v>8.6999999999999993</v>
      </c>
    </row>
    <row r="697" spans="2:10" x14ac:dyDescent="0.2">
      <c r="B697" s="76"/>
      <c r="C697" s="39" t="s">
        <v>69</v>
      </c>
      <c r="D697" s="45">
        <v>189</v>
      </c>
      <c r="E697" s="46">
        <v>2.1</v>
      </c>
      <c r="F697" s="46">
        <v>9</v>
      </c>
      <c r="G697" s="46">
        <v>55.6</v>
      </c>
      <c r="H697" s="46">
        <v>5.3</v>
      </c>
      <c r="I697" s="46">
        <v>4.2</v>
      </c>
      <c r="J697" s="47">
        <v>23.8</v>
      </c>
    </row>
    <row r="698" spans="2:10" x14ac:dyDescent="0.2">
      <c r="B698" s="76"/>
      <c r="C698" s="39" t="s">
        <v>70</v>
      </c>
      <c r="D698" s="45">
        <v>914</v>
      </c>
      <c r="E698" s="46">
        <v>3.4</v>
      </c>
      <c r="F698" s="46">
        <v>11.6</v>
      </c>
      <c r="G698" s="46">
        <v>57.2</v>
      </c>
      <c r="H698" s="46">
        <v>6.9</v>
      </c>
      <c r="I698" s="46">
        <v>3.4</v>
      </c>
      <c r="J698" s="47">
        <v>17.5</v>
      </c>
    </row>
    <row r="699" spans="2:10" ht="21.6" x14ac:dyDescent="0.2">
      <c r="B699" s="76"/>
      <c r="C699" s="39" t="s">
        <v>63</v>
      </c>
      <c r="D699" s="45">
        <v>193</v>
      </c>
      <c r="E699" s="46">
        <v>7.3</v>
      </c>
      <c r="F699" s="46">
        <v>14</v>
      </c>
      <c r="G699" s="46">
        <v>41.5</v>
      </c>
      <c r="H699" s="46">
        <v>5.7</v>
      </c>
      <c r="I699" s="46">
        <v>2.1</v>
      </c>
      <c r="J699" s="47">
        <v>29.5</v>
      </c>
    </row>
    <row r="700" spans="2:10" x14ac:dyDescent="0.2">
      <c r="B700" s="76"/>
      <c r="C700" s="39" t="s">
        <v>64</v>
      </c>
      <c r="D700" s="45">
        <v>203</v>
      </c>
      <c r="E700" s="46">
        <v>3.9</v>
      </c>
      <c r="F700" s="46">
        <v>13.3</v>
      </c>
      <c r="G700" s="46">
        <v>53.2</v>
      </c>
      <c r="H700" s="46">
        <v>9.4</v>
      </c>
      <c r="I700" s="46">
        <v>3.4</v>
      </c>
      <c r="J700" s="47">
        <v>16.7</v>
      </c>
    </row>
    <row r="701" spans="2:10" x14ac:dyDescent="0.2">
      <c r="B701" s="76"/>
      <c r="C701" s="39" t="s">
        <v>65</v>
      </c>
      <c r="D701" s="45">
        <v>263</v>
      </c>
      <c r="E701" s="46">
        <v>2.2999999999999998</v>
      </c>
      <c r="F701" s="46">
        <v>10.6</v>
      </c>
      <c r="G701" s="46">
        <v>63.9</v>
      </c>
      <c r="H701" s="46">
        <v>5.3</v>
      </c>
      <c r="I701" s="46">
        <v>3.4</v>
      </c>
      <c r="J701" s="47">
        <v>14.4</v>
      </c>
    </row>
    <row r="702" spans="2:10" x14ac:dyDescent="0.2">
      <c r="B702" s="76"/>
      <c r="C702" s="39" t="s">
        <v>66</v>
      </c>
      <c r="D702" s="45">
        <v>194</v>
      </c>
      <c r="E702" s="46">
        <v>1.5</v>
      </c>
      <c r="F702" s="46">
        <v>10.8</v>
      </c>
      <c r="G702" s="46">
        <v>62.9</v>
      </c>
      <c r="H702" s="46">
        <v>6.2</v>
      </c>
      <c r="I702" s="46">
        <v>4.0999999999999996</v>
      </c>
      <c r="J702" s="47">
        <v>14.4</v>
      </c>
    </row>
    <row r="703" spans="2:10" x14ac:dyDescent="0.2">
      <c r="B703" s="76"/>
      <c r="C703" s="39" t="s">
        <v>67</v>
      </c>
      <c r="D703" s="45">
        <v>61</v>
      </c>
      <c r="E703" s="46">
        <v>0</v>
      </c>
      <c r="F703" s="46">
        <v>4.9000000000000004</v>
      </c>
      <c r="G703" s="46">
        <v>73.8</v>
      </c>
      <c r="H703" s="46">
        <v>11.5</v>
      </c>
      <c r="I703" s="46">
        <v>4.9000000000000004</v>
      </c>
      <c r="J703" s="47">
        <v>4.9000000000000004</v>
      </c>
    </row>
    <row r="704" spans="2:10" x14ac:dyDescent="0.2">
      <c r="B704" s="76"/>
      <c r="C704" s="39" t="s">
        <v>68</v>
      </c>
      <c r="D704" s="45">
        <v>416</v>
      </c>
      <c r="E704" s="46">
        <v>4.3</v>
      </c>
      <c r="F704" s="46">
        <v>16.600000000000001</v>
      </c>
      <c r="G704" s="46">
        <v>56</v>
      </c>
      <c r="H704" s="46">
        <v>7</v>
      </c>
      <c r="I704" s="46">
        <v>2.9</v>
      </c>
      <c r="J704" s="47">
        <v>13.2</v>
      </c>
    </row>
    <row r="705" spans="1:25" x14ac:dyDescent="0.2">
      <c r="B705" s="76"/>
      <c r="C705" s="40" t="s">
        <v>69</v>
      </c>
      <c r="D705" s="48">
        <v>498</v>
      </c>
      <c r="E705" s="49">
        <v>2.6</v>
      </c>
      <c r="F705" s="49">
        <v>7.4</v>
      </c>
      <c r="G705" s="49">
        <v>58.2</v>
      </c>
      <c r="H705" s="49">
        <v>6.8</v>
      </c>
      <c r="I705" s="49">
        <v>3.8</v>
      </c>
      <c r="J705" s="50">
        <v>21.1</v>
      </c>
    </row>
    <row r="706" spans="1:25" x14ac:dyDescent="0.2">
      <c r="B706" s="7" t="s">
        <v>71</v>
      </c>
      <c r="C706" s="4" t="s">
        <v>94</v>
      </c>
    </row>
    <row r="707" spans="1:25" x14ac:dyDescent="0.2">
      <c r="B707" s="4"/>
      <c r="C707" s="4" t="s">
        <v>73</v>
      </c>
    </row>
    <row r="709" spans="1:25" x14ac:dyDescent="0.2">
      <c r="A709" s="26" t="s">
        <v>25</v>
      </c>
      <c r="B709" t="s">
        <v>35</v>
      </c>
      <c r="C709" t="s">
        <v>35</v>
      </c>
    </row>
    <row r="710" spans="1:25" x14ac:dyDescent="0.2">
      <c r="B710" s="74" t="s">
        <v>95</v>
      </c>
      <c r="C710" s="75"/>
      <c r="D710" s="75"/>
      <c r="E710" s="75"/>
      <c r="F710" s="75"/>
      <c r="G710" s="75"/>
      <c r="H710" s="75"/>
      <c r="I710" s="75"/>
      <c r="J710" s="75"/>
      <c r="K710" s="75"/>
      <c r="L710" s="75"/>
      <c r="M710" s="75"/>
      <c r="N710" s="75"/>
      <c r="O710" s="75"/>
      <c r="P710" s="75"/>
      <c r="Q710" s="75"/>
      <c r="R710" s="75"/>
      <c r="S710" s="75"/>
      <c r="T710" s="75"/>
      <c r="U710" s="75"/>
      <c r="V710" s="75"/>
      <c r="W710" s="75"/>
      <c r="X710" s="75"/>
      <c r="Y710" s="75"/>
    </row>
    <row r="711" spans="1:25" s="32" customFormat="1" ht="36.450000000000003" customHeight="1" x14ac:dyDescent="0.15">
      <c r="A711" s="31"/>
      <c r="D711" s="33" t="s">
        <v>242</v>
      </c>
      <c r="E711" s="35" t="s">
        <v>277</v>
      </c>
      <c r="F711" s="36" t="s">
        <v>279</v>
      </c>
      <c r="G711" s="36" t="s">
        <v>282</v>
      </c>
      <c r="H711" s="37" t="s">
        <v>276</v>
      </c>
      <c r="I711" s="34" t="s">
        <v>251</v>
      </c>
    </row>
    <row r="712" spans="1:25" x14ac:dyDescent="0.2">
      <c r="B712" s="5"/>
      <c r="C712" s="41" t="s">
        <v>38</v>
      </c>
      <c r="D712" s="42">
        <v>2000</v>
      </c>
      <c r="E712" s="43">
        <v>15.5</v>
      </c>
      <c r="F712" s="43">
        <v>57.6</v>
      </c>
      <c r="G712" s="43">
        <v>9.3000000000000007</v>
      </c>
      <c r="H712" s="44">
        <v>17.7</v>
      </c>
    </row>
    <row r="713" spans="1:25" x14ac:dyDescent="0.2">
      <c r="B713" s="76" t="s">
        <v>37</v>
      </c>
      <c r="C713" s="39" t="s">
        <v>39</v>
      </c>
      <c r="D713" s="45">
        <v>111</v>
      </c>
      <c r="E713" s="46">
        <v>17.100000000000001</v>
      </c>
      <c r="F713" s="46">
        <v>64</v>
      </c>
      <c r="G713" s="46">
        <v>9.9</v>
      </c>
      <c r="H713" s="47">
        <v>9</v>
      </c>
    </row>
    <row r="714" spans="1:25" x14ac:dyDescent="0.2">
      <c r="B714" s="76"/>
      <c r="C714" s="39" t="s">
        <v>40</v>
      </c>
      <c r="D714" s="45">
        <v>450</v>
      </c>
      <c r="E714" s="46">
        <v>18.7</v>
      </c>
      <c r="F714" s="46">
        <v>58.7</v>
      </c>
      <c r="G714" s="46">
        <v>10.199999999999999</v>
      </c>
      <c r="H714" s="47">
        <v>12.4</v>
      </c>
    </row>
    <row r="715" spans="1:25" ht="21.6" x14ac:dyDescent="0.2">
      <c r="B715" s="76"/>
      <c r="C715" s="39" t="s">
        <v>41</v>
      </c>
      <c r="D715" s="45">
        <v>30</v>
      </c>
      <c r="E715" s="46">
        <v>10</v>
      </c>
      <c r="F715" s="46">
        <v>56.7</v>
      </c>
      <c r="G715" s="46">
        <v>10</v>
      </c>
      <c r="H715" s="47">
        <v>23.3</v>
      </c>
    </row>
    <row r="716" spans="1:25" ht="21.6" x14ac:dyDescent="0.2">
      <c r="B716" s="76"/>
      <c r="C716" s="39" t="s">
        <v>42</v>
      </c>
      <c r="D716" s="45">
        <v>336</v>
      </c>
      <c r="E716" s="46">
        <v>16.100000000000001</v>
      </c>
      <c r="F716" s="46">
        <v>57.1</v>
      </c>
      <c r="G716" s="46">
        <v>8</v>
      </c>
      <c r="H716" s="47">
        <v>18.8</v>
      </c>
    </row>
    <row r="717" spans="1:25" ht="21.6" x14ac:dyDescent="0.2">
      <c r="B717" s="76"/>
      <c r="C717" s="39" t="s">
        <v>43</v>
      </c>
      <c r="D717" s="45">
        <v>327</v>
      </c>
      <c r="E717" s="46">
        <v>13.1</v>
      </c>
      <c r="F717" s="46">
        <v>56.6</v>
      </c>
      <c r="G717" s="46">
        <v>9.5</v>
      </c>
      <c r="H717" s="47">
        <v>20.8</v>
      </c>
    </row>
    <row r="718" spans="1:25" ht="21.6" x14ac:dyDescent="0.2">
      <c r="B718" s="76"/>
      <c r="C718" s="39" t="s">
        <v>44</v>
      </c>
      <c r="D718" s="45">
        <v>181</v>
      </c>
      <c r="E718" s="46">
        <v>18.8</v>
      </c>
      <c r="F718" s="46">
        <v>55.2</v>
      </c>
      <c r="G718" s="46">
        <v>9.9</v>
      </c>
      <c r="H718" s="47">
        <v>16</v>
      </c>
    </row>
    <row r="719" spans="1:25" ht="21.6" x14ac:dyDescent="0.2">
      <c r="B719" s="76"/>
      <c r="C719" s="39" t="s">
        <v>45</v>
      </c>
      <c r="D719" s="45">
        <v>565</v>
      </c>
      <c r="E719" s="46">
        <v>12.9</v>
      </c>
      <c r="F719" s="46">
        <v>57</v>
      </c>
      <c r="G719" s="46">
        <v>8.8000000000000007</v>
      </c>
      <c r="H719" s="47">
        <v>21.2</v>
      </c>
    </row>
    <row r="720" spans="1:25" ht="21.6" x14ac:dyDescent="0.2">
      <c r="B720" s="76"/>
      <c r="C720" s="39" t="s">
        <v>46</v>
      </c>
      <c r="D720" s="45">
        <v>473</v>
      </c>
      <c r="E720" s="46">
        <v>11.8</v>
      </c>
      <c r="F720" s="46">
        <v>53.7</v>
      </c>
      <c r="G720" s="46">
        <v>10.6</v>
      </c>
      <c r="H720" s="47">
        <v>23.9</v>
      </c>
    </row>
    <row r="721" spans="1:25" ht="21.6" x14ac:dyDescent="0.2">
      <c r="B721" s="76"/>
      <c r="C721" s="39" t="s">
        <v>47</v>
      </c>
      <c r="D721" s="45">
        <v>441</v>
      </c>
      <c r="E721" s="46">
        <v>16.3</v>
      </c>
      <c r="F721" s="46">
        <v>60.1</v>
      </c>
      <c r="G721" s="46">
        <v>10.4</v>
      </c>
      <c r="H721" s="47">
        <v>13.2</v>
      </c>
    </row>
    <row r="722" spans="1:25" ht="21.6" x14ac:dyDescent="0.2">
      <c r="B722" s="76"/>
      <c r="C722" s="39" t="s">
        <v>48</v>
      </c>
      <c r="D722" s="45">
        <v>305</v>
      </c>
      <c r="E722" s="46">
        <v>14.4</v>
      </c>
      <c r="F722" s="46">
        <v>65.2</v>
      </c>
      <c r="G722" s="46">
        <v>10.199999999999999</v>
      </c>
      <c r="H722" s="47">
        <v>10.199999999999999</v>
      </c>
    </row>
    <row r="723" spans="1:25" ht="21.6" x14ac:dyDescent="0.2">
      <c r="B723" s="76"/>
      <c r="C723" s="39" t="s">
        <v>49</v>
      </c>
      <c r="D723" s="45">
        <v>223</v>
      </c>
      <c r="E723" s="46">
        <v>23.8</v>
      </c>
      <c r="F723" s="46">
        <v>56.5</v>
      </c>
      <c r="G723" s="46">
        <v>9</v>
      </c>
      <c r="H723" s="47">
        <v>10.8</v>
      </c>
    </row>
    <row r="724" spans="1:25" ht="21.6" x14ac:dyDescent="0.2">
      <c r="B724" s="76"/>
      <c r="C724" s="39" t="s">
        <v>50</v>
      </c>
      <c r="D724" s="45">
        <v>123</v>
      </c>
      <c r="E724" s="46">
        <v>22.8</v>
      </c>
      <c r="F724" s="46">
        <v>64.2</v>
      </c>
      <c r="G724" s="46">
        <v>4.9000000000000004</v>
      </c>
      <c r="H724" s="47">
        <v>8.1</v>
      </c>
    </row>
    <row r="725" spans="1:25" ht="21.6" x14ac:dyDescent="0.2">
      <c r="B725" s="76"/>
      <c r="C725" s="39" t="s">
        <v>51</v>
      </c>
      <c r="D725" s="45">
        <v>124</v>
      </c>
      <c r="E725" s="46">
        <v>25</v>
      </c>
      <c r="F725" s="46">
        <v>57.3</v>
      </c>
      <c r="G725" s="46">
        <v>8.1</v>
      </c>
      <c r="H725" s="47">
        <v>9.6999999999999993</v>
      </c>
    </row>
    <row r="726" spans="1:25" ht="21.6" x14ac:dyDescent="0.2">
      <c r="B726" s="76"/>
      <c r="C726" s="39" t="s">
        <v>52</v>
      </c>
      <c r="D726" s="45">
        <v>312</v>
      </c>
      <c r="E726" s="46">
        <v>10.9</v>
      </c>
      <c r="F726" s="46">
        <v>64.7</v>
      </c>
      <c r="G726" s="46">
        <v>9.3000000000000007</v>
      </c>
      <c r="H726" s="47">
        <v>15.1</v>
      </c>
    </row>
    <row r="727" spans="1:25" x14ac:dyDescent="0.2">
      <c r="B727" s="76"/>
      <c r="C727" s="39" t="s">
        <v>53</v>
      </c>
      <c r="D727" s="45">
        <v>269</v>
      </c>
      <c r="E727" s="46">
        <v>13</v>
      </c>
      <c r="F727" s="46">
        <v>64.7</v>
      </c>
      <c r="G727" s="46">
        <v>9.3000000000000007</v>
      </c>
      <c r="H727" s="47">
        <v>13</v>
      </c>
    </row>
    <row r="728" spans="1:25" ht="21.6" x14ac:dyDescent="0.2">
      <c r="B728" s="76"/>
      <c r="C728" s="39" t="s">
        <v>54</v>
      </c>
      <c r="D728" s="45">
        <v>511</v>
      </c>
      <c r="E728" s="46">
        <v>17.8</v>
      </c>
      <c r="F728" s="46">
        <v>57.7</v>
      </c>
      <c r="G728" s="46">
        <v>12.1</v>
      </c>
      <c r="H728" s="47">
        <v>12.3</v>
      </c>
    </row>
    <row r="729" spans="1:25" ht="21.6" x14ac:dyDescent="0.2">
      <c r="B729" s="76"/>
      <c r="C729" s="39" t="s">
        <v>55</v>
      </c>
      <c r="D729" s="45">
        <v>615</v>
      </c>
      <c r="E729" s="46">
        <v>22</v>
      </c>
      <c r="F729" s="46">
        <v>56.3</v>
      </c>
      <c r="G729" s="46">
        <v>8.5</v>
      </c>
      <c r="H729" s="47">
        <v>13.3</v>
      </c>
    </row>
    <row r="730" spans="1:25" ht="21.6" x14ac:dyDescent="0.2">
      <c r="B730" s="76"/>
      <c r="C730" s="39" t="s">
        <v>56</v>
      </c>
      <c r="D730" s="45">
        <v>800</v>
      </c>
      <c r="E730" s="46">
        <v>21.8</v>
      </c>
      <c r="F730" s="46">
        <v>53.5</v>
      </c>
      <c r="G730" s="46">
        <v>10.4</v>
      </c>
      <c r="H730" s="47">
        <v>14.4</v>
      </c>
    </row>
    <row r="731" spans="1:25" x14ac:dyDescent="0.2">
      <c r="B731" s="76"/>
      <c r="C731" s="40" t="s">
        <v>57</v>
      </c>
      <c r="D731" s="48">
        <v>798</v>
      </c>
      <c r="E731" s="49">
        <v>13.4</v>
      </c>
      <c r="F731" s="49">
        <v>66.2</v>
      </c>
      <c r="G731" s="49">
        <v>9.4</v>
      </c>
      <c r="H731" s="50">
        <v>11</v>
      </c>
    </row>
    <row r="733" spans="1:25" x14ac:dyDescent="0.2">
      <c r="C733" t="s">
        <v>35</v>
      </c>
    </row>
    <row r="734" spans="1:25" x14ac:dyDescent="0.2">
      <c r="B734" s="74" t="s">
        <v>191</v>
      </c>
      <c r="C734" s="75"/>
      <c r="D734" s="75"/>
      <c r="E734" s="75"/>
      <c r="F734" s="75"/>
      <c r="G734" s="75"/>
      <c r="H734" s="75"/>
      <c r="I734" s="75"/>
      <c r="J734" s="75"/>
      <c r="K734" s="75"/>
      <c r="L734" s="75"/>
      <c r="M734" s="75"/>
      <c r="N734" s="75"/>
      <c r="O734" s="75"/>
      <c r="P734" s="75"/>
      <c r="Q734" s="75"/>
      <c r="R734" s="75"/>
      <c r="S734" s="75"/>
      <c r="T734" s="75"/>
      <c r="U734" s="75"/>
      <c r="V734" s="75"/>
      <c r="W734" s="75"/>
      <c r="X734" s="75"/>
      <c r="Y734" s="75"/>
    </row>
    <row r="735" spans="1:25" s="32" customFormat="1" ht="36.450000000000003" customHeight="1" x14ac:dyDescent="0.15">
      <c r="A735" s="31"/>
      <c r="D735" s="33" t="s">
        <v>242</v>
      </c>
      <c r="E735" s="35" t="s">
        <v>277</v>
      </c>
      <c r="F735" s="36" t="s">
        <v>279</v>
      </c>
      <c r="G735" s="36" t="s">
        <v>282</v>
      </c>
      <c r="H735" s="37" t="s">
        <v>276</v>
      </c>
      <c r="I735" s="34" t="s">
        <v>251</v>
      </c>
    </row>
    <row r="736" spans="1:25" ht="21.6" x14ac:dyDescent="0.2">
      <c r="B736" s="76" t="s">
        <v>37</v>
      </c>
      <c r="C736" s="38" t="s">
        <v>58</v>
      </c>
      <c r="D736" s="51">
        <v>609</v>
      </c>
      <c r="E736" s="52">
        <v>20.9</v>
      </c>
      <c r="F736" s="52">
        <v>52.9</v>
      </c>
      <c r="G736" s="52">
        <v>11.3</v>
      </c>
      <c r="H736" s="53">
        <v>14.9</v>
      </c>
    </row>
    <row r="737" spans="2:8" ht="21.6" x14ac:dyDescent="0.2">
      <c r="B737" s="76"/>
      <c r="C737" s="39" t="s">
        <v>59</v>
      </c>
      <c r="D737" s="45">
        <v>1391</v>
      </c>
      <c r="E737" s="46">
        <v>13.2</v>
      </c>
      <c r="F737" s="46">
        <v>59.6</v>
      </c>
      <c r="G737" s="46">
        <v>8.4</v>
      </c>
      <c r="H737" s="47">
        <v>18.8</v>
      </c>
    </row>
    <row r="738" spans="2:8" x14ac:dyDescent="0.2">
      <c r="B738" s="76"/>
      <c r="C738" s="39" t="s">
        <v>60</v>
      </c>
      <c r="D738" s="45">
        <v>1325</v>
      </c>
      <c r="E738" s="46">
        <v>16</v>
      </c>
      <c r="F738" s="46">
        <v>57.8</v>
      </c>
      <c r="G738" s="46">
        <v>8.8000000000000007</v>
      </c>
      <c r="H738" s="47">
        <v>17.399999999999999</v>
      </c>
    </row>
    <row r="739" spans="2:8" x14ac:dyDescent="0.2">
      <c r="B739" s="76"/>
      <c r="C739" s="39" t="s">
        <v>61</v>
      </c>
      <c r="D739" s="45">
        <v>675</v>
      </c>
      <c r="E739" s="46">
        <v>14.5</v>
      </c>
      <c r="F739" s="46">
        <v>57</v>
      </c>
      <c r="G739" s="46">
        <v>10.199999999999999</v>
      </c>
      <c r="H739" s="47">
        <v>18.2</v>
      </c>
    </row>
    <row r="740" spans="2:8" x14ac:dyDescent="0.2">
      <c r="B740" s="76"/>
      <c r="C740" s="39" t="s">
        <v>62</v>
      </c>
      <c r="D740" s="45">
        <v>1086</v>
      </c>
      <c r="E740" s="46">
        <v>16.8</v>
      </c>
      <c r="F740" s="46">
        <v>58.8</v>
      </c>
      <c r="G740" s="46">
        <v>11.6</v>
      </c>
      <c r="H740" s="47">
        <v>12.8</v>
      </c>
    </row>
    <row r="741" spans="2:8" ht="21.6" x14ac:dyDescent="0.2">
      <c r="B741" s="76"/>
      <c r="C741" s="39" t="s">
        <v>63</v>
      </c>
      <c r="D741" s="45">
        <v>203</v>
      </c>
      <c r="E741" s="46">
        <v>15.8</v>
      </c>
      <c r="F741" s="46">
        <v>54.7</v>
      </c>
      <c r="G741" s="46">
        <v>7.9</v>
      </c>
      <c r="H741" s="47">
        <v>21.7</v>
      </c>
    </row>
    <row r="742" spans="2:8" x14ac:dyDescent="0.2">
      <c r="B742" s="76"/>
      <c r="C742" s="39" t="s">
        <v>64</v>
      </c>
      <c r="D742" s="45">
        <v>263</v>
      </c>
      <c r="E742" s="46">
        <v>20.2</v>
      </c>
      <c r="F742" s="46">
        <v>57.4</v>
      </c>
      <c r="G742" s="46">
        <v>11</v>
      </c>
      <c r="H742" s="47">
        <v>11.4</v>
      </c>
    </row>
    <row r="743" spans="2:8" x14ac:dyDescent="0.2">
      <c r="B743" s="76"/>
      <c r="C743" s="39" t="s">
        <v>65</v>
      </c>
      <c r="D743" s="45">
        <v>312</v>
      </c>
      <c r="E743" s="46">
        <v>15.1</v>
      </c>
      <c r="F743" s="46">
        <v>59.6</v>
      </c>
      <c r="G743" s="46">
        <v>13.5</v>
      </c>
      <c r="H743" s="47">
        <v>11.9</v>
      </c>
    </row>
    <row r="744" spans="2:8" x14ac:dyDescent="0.2">
      <c r="B744" s="76"/>
      <c r="C744" s="39" t="s">
        <v>66</v>
      </c>
      <c r="D744" s="45">
        <v>230</v>
      </c>
      <c r="E744" s="46">
        <v>16.5</v>
      </c>
      <c r="F744" s="46">
        <v>61.7</v>
      </c>
      <c r="G744" s="46">
        <v>11.7</v>
      </c>
      <c r="H744" s="47">
        <v>10</v>
      </c>
    </row>
    <row r="745" spans="2:8" x14ac:dyDescent="0.2">
      <c r="B745" s="76"/>
      <c r="C745" s="39" t="s">
        <v>67</v>
      </c>
      <c r="D745" s="45">
        <v>78</v>
      </c>
      <c r="E745" s="46">
        <v>15.4</v>
      </c>
      <c r="F745" s="46">
        <v>62.8</v>
      </c>
      <c r="G745" s="46">
        <v>15.4</v>
      </c>
      <c r="H745" s="47">
        <v>6.4</v>
      </c>
    </row>
    <row r="746" spans="2:8" x14ac:dyDescent="0.2">
      <c r="B746" s="76"/>
      <c r="C746" s="39" t="s">
        <v>68</v>
      </c>
      <c r="D746" s="45">
        <v>897</v>
      </c>
      <c r="E746" s="46">
        <v>18.600000000000001</v>
      </c>
      <c r="F746" s="46">
        <v>59.5</v>
      </c>
      <c r="G746" s="46">
        <v>12.4</v>
      </c>
      <c r="H746" s="47">
        <v>9.5</v>
      </c>
    </row>
    <row r="747" spans="2:8" x14ac:dyDescent="0.2">
      <c r="B747" s="76"/>
      <c r="C747" s="39" t="s">
        <v>69</v>
      </c>
      <c r="D747" s="45">
        <v>189</v>
      </c>
      <c r="E747" s="46">
        <v>7.9</v>
      </c>
      <c r="F747" s="46">
        <v>55.6</v>
      </c>
      <c r="G747" s="46">
        <v>7.9</v>
      </c>
      <c r="H747" s="47">
        <v>28.6</v>
      </c>
    </row>
    <row r="748" spans="2:8" x14ac:dyDescent="0.2">
      <c r="B748" s="76"/>
      <c r="C748" s="39" t="s">
        <v>70</v>
      </c>
      <c r="D748" s="45">
        <v>914</v>
      </c>
      <c r="E748" s="46">
        <v>14</v>
      </c>
      <c r="F748" s="46">
        <v>56</v>
      </c>
      <c r="G748" s="46">
        <v>6.6</v>
      </c>
      <c r="H748" s="47">
        <v>23.4</v>
      </c>
    </row>
    <row r="749" spans="2:8" ht="21.6" x14ac:dyDescent="0.2">
      <c r="B749" s="76"/>
      <c r="C749" s="39" t="s">
        <v>63</v>
      </c>
      <c r="D749" s="45">
        <v>193</v>
      </c>
      <c r="E749" s="46">
        <v>18.7</v>
      </c>
      <c r="F749" s="46">
        <v>40.9</v>
      </c>
      <c r="G749" s="46">
        <v>4.0999999999999996</v>
      </c>
      <c r="H749" s="47">
        <v>36.299999999999997</v>
      </c>
    </row>
    <row r="750" spans="2:8" x14ac:dyDescent="0.2">
      <c r="B750" s="76"/>
      <c r="C750" s="39" t="s">
        <v>64</v>
      </c>
      <c r="D750" s="45">
        <v>203</v>
      </c>
      <c r="E750" s="46">
        <v>14.3</v>
      </c>
      <c r="F750" s="46">
        <v>54.2</v>
      </c>
      <c r="G750" s="46">
        <v>10.3</v>
      </c>
      <c r="H750" s="47">
        <v>21.2</v>
      </c>
    </row>
    <row r="751" spans="2:8" x14ac:dyDescent="0.2">
      <c r="B751" s="76"/>
      <c r="C751" s="39" t="s">
        <v>65</v>
      </c>
      <c r="D751" s="45">
        <v>263</v>
      </c>
      <c r="E751" s="46">
        <v>12.5</v>
      </c>
      <c r="F751" s="46">
        <v>59.7</v>
      </c>
      <c r="G751" s="46">
        <v>6.1</v>
      </c>
      <c r="H751" s="47">
        <v>21.7</v>
      </c>
    </row>
    <row r="752" spans="2:8" x14ac:dyDescent="0.2">
      <c r="B752" s="76"/>
      <c r="C752" s="39" t="s">
        <v>66</v>
      </c>
      <c r="D752" s="45">
        <v>194</v>
      </c>
      <c r="E752" s="46">
        <v>11.3</v>
      </c>
      <c r="F752" s="46">
        <v>63.9</v>
      </c>
      <c r="G752" s="46">
        <v>5.7</v>
      </c>
      <c r="H752" s="47">
        <v>19.100000000000001</v>
      </c>
    </row>
    <row r="753" spans="1:25" x14ac:dyDescent="0.2">
      <c r="B753" s="76"/>
      <c r="C753" s="39" t="s">
        <v>67</v>
      </c>
      <c r="D753" s="45">
        <v>61</v>
      </c>
      <c r="E753" s="46">
        <v>13.1</v>
      </c>
      <c r="F753" s="46">
        <v>68.900000000000006</v>
      </c>
      <c r="G753" s="46">
        <v>6.6</v>
      </c>
      <c r="H753" s="47">
        <v>11.5</v>
      </c>
    </row>
    <row r="754" spans="1:25" x14ac:dyDescent="0.2">
      <c r="B754" s="76"/>
      <c r="C754" s="39" t="s">
        <v>68</v>
      </c>
      <c r="D754" s="45">
        <v>416</v>
      </c>
      <c r="E754" s="46">
        <v>19.2</v>
      </c>
      <c r="F754" s="46">
        <v>56.5</v>
      </c>
      <c r="G754" s="46">
        <v>7.5</v>
      </c>
      <c r="H754" s="47">
        <v>16.8</v>
      </c>
    </row>
    <row r="755" spans="1:25" x14ac:dyDescent="0.2">
      <c r="B755" s="76"/>
      <c r="C755" s="40" t="s">
        <v>69</v>
      </c>
      <c r="D755" s="48">
        <v>498</v>
      </c>
      <c r="E755" s="49">
        <v>9.6</v>
      </c>
      <c r="F755" s="49">
        <v>55.6</v>
      </c>
      <c r="G755" s="49">
        <v>5.8</v>
      </c>
      <c r="H755" s="50">
        <v>28.9</v>
      </c>
    </row>
    <row r="757" spans="1:25" x14ac:dyDescent="0.2">
      <c r="A757" s="26" t="s">
        <v>25</v>
      </c>
      <c r="B757" t="s">
        <v>35</v>
      </c>
      <c r="C757" t="s">
        <v>35</v>
      </c>
    </row>
    <row r="758" spans="1:25" x14ac:dyDescent="0.2">
      <c r="B758" s="74" t="s">
        <v>96</v>
      </c>
      <c r="C758" s="75"/>
      <c r="D758" s="75"/>
      <c r="E758" s="75"/>
      <c r="F758" s="75"/>
      <c r="G758" s="75"/>
      <c r="H758" s="75"/>
      <c r="I758" s="75"/>
      <c r="J758" s="75"/>
      <c r="K758" s="75"/>
      <c r="L758" s="75"/>
      <c r="M758" s="75"/>
      <c r="N758" s="75"/>
      <c r="O758" s="75"/>
      <c r="P758" s="75"/>
      <c r="Q758" s="75"/>
      <c r="R758" s="75"/>
      <c r="S758" s="75"/>
      <c r="T758" s="75"/>
      <c r="U758" s="75"/>
      <c r="V758" s="75"/>
      <c r="W758" s="75"/>
      <c r="X758" s="75"/>
      <c r="Y758" s="75"/>
    </row>
    <row r="759" spans="1:25" s="32" customFormat="1" ht="36.450000000000003" customHeight="1" x14ac:dyDescent="0.15">
      <c r="A759" s="31"/>
      <c r="D759" s="33" t="s">
        <v>242</v>
      </c>
      <c r="E759" s="35" t="s">
        <v>277</v>
      </c>
      <c r="F759" s="36" t="s">
        <v>279</v>
      </c>
      <c r="G759" s="36" t="s">
        <v>282</v>
      </c>
      <c r="H759" s="37" t="s">
        <v>276</v>
      </c>
      <c r="I759" s="34" t="s">
        <v>251</v>
      </c>
    </row>
    <row r="760" spans="1:25" x14ac:dyDescent="0.2">
      <c r="B760" s="5"/>
      <c r="C760" s="41" t="s">
        <v>38</v>
      </c>
      <c r="D760" s="42">
        <v>2000</v>
      </c>
      <c r="E760" s="43">
        <v>13</v>
      </c>
      <c r="F760" s="43">
        <v>59.1</v>
      </c>
      <c r="G760" s="43">
        <v>13.9</v>
      </c>
      <c r="H760" s="44">
        <v>14.1</v>
      </c>
    </row>
    <row r="761" spans="1:25" x14ac:dyDescent="0.2">
      <c r="B761" s="76" t="s">
        <v>37</v>
      </c>
      <c r="C761" s="39" t="s">
        <v>39</v>
      </c>
      <c r="D761" s="45">
        <v>111</v>
      </c>
      <c r="E761" s="46">
        <v>19.8</v>
      </c>
      <c r="F761" s="46">
        <v>59.5</v>
      </c>
      <c r="G761" s="46">
        <v>12.6</v>
      </c>
      <c r="H761" s="47">
        <v>8.1</v>
      </c>
    </row>
    <row r="762" spans="1:25" x14ac:dyDescent="0.2">
      <c r="B762" s="76"/>
      <c r="C762" s="39" t="s">
        <v>40</v>
      </c>
      <c r="D762" s="45">
        <v>450</v>
      </c>
      <c r="E762" s="46">
        <v>14</v>
      </c>
      <c r="F762" s="46">
        <v>61.3</v>
      </c>
      <c r="G762" s="46">
        <v>13.8</v>
      </c>
      <c r="H762" s="47">
        <v>10.9</v>
      </c>
    </row>
    <row r="763" spans="1:25" ht="21.6" x14ac:dyDescent="0.2">
      <c r="B763" s="76"/>
      <c r="C763" s="39" t="s">
        <v>41</v>
      </c>
      <c r="D763" s="45">
        <v>30</v>
      </c>
      <c r="E763" s="46">
        <v>10</v>
      </c>
      <c r="F763" s="46">
        <v>56.7</v>
      </c>
      <c r="G763" s="46">
        <v>10</v>
      </c>
      <c r="H763" s="47">
        <v>23.3</v>
      </c>
    </row>
    <row r="764" spans="1:25" ht="21.6" x14ac:dyDescent="0.2">
      <c r="B764" s="76"/>
      <c r="C764" s="39" t="s">
        <v>42</v>
      </c>
      <c r="D764" s="45">
        <v>336</v>
      </c>
      <c r="E764" s="46">
        <v>13.4</v>
      </c>
      <c r="F764" s="46">
        <v>57.1</v>
      </c>
      <c r="G764" s="46">
        <v>14.9</v>
      </c>
      <c r="H764" s="47">
        <v>14.6</v>
      </c>
    </row>
    <row r="765" spans="1:25" ht="21.6" x14ac:dyDescent="0.2">
      <c r="B765" s="76"/>
      <c r="C765" s="39" t="s">
        <v>43</v>
      </c>
      <c r="D765" s="45">
        <v>327</v>
      </c>
      <c r="E765" s="46">
        <v>12.2</v>
      </c>
      <c r="F765" s="46">
        <v>57.5</v>
      </c>
      <c r="G765" s="46">
        <v>13.5</v>
      </c>
      <c r="H765" s="47">
        <v>16.8</v>
      </c>
    </row>
    <row r="766" spans="1:25" ht="21.6" x14ac:dyDescent="0.2">
      <c r="B766" s="76"/>
      <c r="C766" s="39" t="s">
        <v>44</v>
      </c>
      <c r="D766" s="45">
        <v>181</v>
      </c>
      <c r="E766" s="46">
        <v>11.6</v>
      </c>
      <c r="F766" s="46">
        <v>57.5</v>
      </c>
      <c r="G766" s="46">
        <v>18.2</v>
      </c>
      <c r="H766" s="47">
        <v>12.7</v>
      </c>
    </row>
    <row r="767" spans="1:25" ht="21.6" x14ac:dyDescent="0.2">
      <c r="B767" s="76"/>
      <c r="C767" s="39" t="s">
        <v>45</v>
      </c>
      <c r="D767" s="45">
        <v>565</v>
      </c>
      <c r="E767" s="46">
        <v>11.5</v>
      </c>
      <c r="F767" s="46">
        <v>60</v>
      </c>
      <c r="G767" s="46">
        <v>12.6</v>
      </c>
      <c r="H767" s="47">
        <v>15.9</v>
      </c>
    </row>
    <row r="768" spans="1:25" ht="21.6" x14ac:dyDescent="0.2">
      <c r="B768" s="76"/>
      <c r="C768" s="39" t="s">
        <v>46</v>
      </c>
      <c r="D768" s="45">
        <v>473</v>
      </c>
      <c r="E768" s="46">
        <v>9.6999999999999993</v>
      </c>
      <c r="F768" s="46">
        <v>56</v>
      </c>
      <c r="G768" s="46">
        <v>14.4</v>
      </c>
      <c r="H768" s="47">
        <v>19.899999999999999</v>
      </c>
    </row>
    <row r="769" spans="1:25" ht="21.6" x14ac:dyDescent="0.2">
      <c r="B769" s="76"/>
      <c r="C769" s="39" t="s">
        <v>47</v>
      </c>
      <c r="D769" s="45">
        <v>441</v>
      </c>
      <c r="E769" s="46">
        <v>15.9</v>
      </c>
      <c r="F769" s="46">
        <v>57.6</v>
      </c>
      <c r="G769" s="46">
        <v>16.600000000000001</v>
      </c>
      <c r="H769" s="47">
        <v>10</v>
      </c>
    </row>
    <row r="770" spans="1:25" ht="21.6" x14ac:dyDescent="0.2">
      <c r="B770" s="76"/>
      <c r="C770" s="39" t="s">
        <v>48</v>
      </c>
      <c r="D770" s="45">
        <v>305</v>
      </c>
      <c r="E770" s="46">
        <v>13.1</v>
      </c>
      <c r="F770" s="46">
        <v>64.3</v>
      </c>
      <c r="G770" s="46">
        <v>15.4</v>
      </c>
      <c r="H770" s="47">
        <v>7.2</v>
      </c>
    </row>
    <row r="771" spans="1:25" ht="21.6" x14ac:dyDescent="0.2">
      <c r="B771" s="76"/>
      <c r="C771" s="39" t="s">
        <v>49</v>
      </c>
      <c r="D771" s="45">
        <v>223</v>
      </c>
      <c r="E771" s="46">
        <v>17.899999999999999</v>
      </c>
      <c r="F771" s="46">
        <v>65.5</v>
      </c>
      <c r="G771" s="46">
        <v>9.9</v>
      </c>
      <c r="H771" s="47">
        <v>6.7</v>
      </c>
    </row>
    <row r="772" spans="1:25" ht="21.6" x14ac:dyDescent="0.2">
      <c r="B772" s="76"/>
      <c r="C772" s="39" t="s">
        <v>50</v>
      </c>
      <c r="D772" s="45">
        <v>123</v>
      </c>
      <c r="E772" s="46">
        <v>13</v>
      </c>
      <c r="F772" s="46">
        <v>69.900000000000006</v>
      </c>
      <c r="G772" s="46">
        <v>11.4</v>
      </c>
      <c r="H772" s="47">
        <v>5.7</v>
      </c>
    </row>
    <row r="773" spans="1:25" ht="21.6" x14ac:dyDescent="0.2">
      <c r="B773" s="76"/>
      <c r="C773" s="39" t="s">
        <v>51</v>
      </c>
      <c r="D773" s="45">
        <v>124</v>
      </c>
      <c r="E773" s="46">
        <v>20.2</v>
      </c>
      <c r="F773" s="46">
        <v>63.7</v>
      </c>
      <c r="G773" s="46">
        <v>9.6999999999999993</v>
      </c>
      <c r="H773" s="47">
        <v>6.5</v>
      </c>
    </row>
    <row r="774" spans="1:25" ht="21.6" x14ac:dyDescent="0.2">
      <c r="B774" s="76"/>
      <c r="C774" s="39" t="s">
        <v>52</v>
      </c>
      <c r="D774" s="45">
        <v>312</v>
      </c>
      <c r="E774" s="46">
        <v>8.6999999999999993</v>
      </c>
      <c r="F774" s="46">
        <v>62.2</v>
      </c>
      <c r="G774" s="46">
        <v>16.3</v>
      </c>
      <c r="H774" s="47">
        <v>12.8</v>
      </c>
    </row>
    <row r="775" spans="1:25" x14ac:dyDescent="0.2">
      <c r="B775" s="76"/>
      <c r="C775" s="39" t="s">
        <v>53</v>
      </c>
      <c r="D775" s="45">
        <v>269</v>
      </c>
      <c r="E775" s="46">
        <v>12.3</v>
      </c>
      <c r="F775" s="46">
        <v>64.7</v>
      </c>
      <c r="G775" s="46">
        <v>12.6</v>
      </c>
      <c r="H775" s="47">
        <v>10.4</v>
      </c>
    </row>
    <row r="776" spans="1:25" ht="21.6" x14ac:dyDescent="0.2">
      <c r="B776" s="76"/>
      <c r="C776" s="39" t="s">
        <v>54</v>
      </c>
      <c r="D776" s="45">
        <v>511</v>
      </c>
      <c r="E776" s="46">
        <v>16.8</v>
      </c>
      <c r="F776" s="46">
        <v>59.9</v>
      </c>
      <c r="G776" s="46">
        <v>14.3</v>
      </c>
      <c r="H776" s="47">
        <v>9</v>
      </c>
    </row>
    <row r="777" spans="1:25" ht="21.6" x14ac:dyDescent="0.2">
      <c r="B777" s="76"/>
      <c r="C777" s="39" t="s">
        <v>55</v>
      </c>
      <c r="D777" s="45">
        <v>615</v>
      </c>
      <c r="E777" s="46">
        <v>16.3</v>
      </c>
      <c r="F777" s="46">
        <v>58.4</v>
      </c>
      <c r="G777" s="46">
        <v>14.8</v>
      </c>
      <c r="H777" s="47">
        <v>10.6</v>
      </c>
    </row>
    <row r="778" spans="1:25" ht="21.6" x14ac:dyDescent="0.2">
      <c r="B778" s="76"/>
      <c r="C778" s="39" t="s">
        <v>56</v>
      </c>
      <c r="D778" s="45">
        <v>800</v>
      </c>
      <c r="E778" s="46">
        <v>17.5</v>
      </c>
      <c r="F778" s="46">
        <v>56.6</v>
      </c>
      <c r="G778" s="46">
        <v>15.3</v>
      </c>
      <c r="H778" s="47">
        <v>10.6</v>
      </c>
    </row>
    <row r="779" spans="1:25" x14ac:dyDescent="0.2">
      <c r="B779" s="76"/>
      <c r="C779" s="40" t="s">
        <v>57</v>
      </c>
      <c r="D779" s="48">
        <v>798</v>
      </c>
      <c r="E779" s="49">
        <v>11.2</v>
      </c>
      <c r="F779" s="49">
        <v>65.400000000000006</v>
      </c>
      <c r="G779" s="49">
        <v>14.8</v>
      </c>
      <c r="H779" s="50">
        <v>8.6</v>
      </c>
    </row>
    <row r="781" spans="1:25" x14ac:dyDescent="0.2">
      <c r="C781" t="s">
        <v>35</v>
      </c>
    </row>
    <row r="782" spans="1:25" x14ac:dyDescent="0.2">
      <c r="B782" s="74" t="s">
        <v>192</v>
      </c>
      <c r="C782" s="75"/>
      <c r="D782" s="75"/>
      <c r="E782" s="75"/>
      <c r="F782" s="75"/>
      <c r="G782" s="75"/>
      <c r="H782" s="75"/>
      <c r="I782" s="75"/>
      <c r="J782" s="75"/>
      <c r="K782" s="75"/>
      <c r="L782" s="75"/>
      <c r="M782" s="75"/>
      <c r="N782" s="75"/>
      <c r="O782" s="75"/>
      <c r="P782" s="75"/>
      <c r="Q782" s="75"/>
      <c r="R782" s="75"/>
      <c r="S782" s="75"/>
      <c r="T782" s="75"/>
      <c r="U782" s="75"/>
      <c r="V782" s="75"/>
      <c r="W782" s="75"/>
      <c r="X782" s="75"/>
      <c r="Y782" s="75"/>
    </row>
    <row r="783" spans="1:25" s="32" customFormat="1" ht="36.450000000000003" customHeight="1" x14ac:dyDescent="0.15">
      <c r="A783" s="31"/>
      <c r="D783" s="33" t="s">
        <v>242</v>
      </c>
      <c r="E783" s="35" t="s">
        <v>277</v>
      </c>
      <c r="F783" s="36" t="s">
        <v>279</v>
      </c>
      <c r="G783" s="36" t="s">
        <v>282</v>
      </c>
      <c r="H783" s="37" t="s">
        <v>276</v>
      </c>
      <c r="I783" s="34" t="s">
        <v>251</v>
      </c>
    </row>
    <row r="784" spans="1:25" ht="21.6" x14ac:dyDescent="0.2">
      <c r="B784" s="76" t="s">
        <v>37</v>
      </c>
      <c r="C784" s="38" t="s">
        <v>58</v>
      </c>
      <c r="D784" s="51">
        <v>609</v>
      </c>
      <c r="E784" s="52">
        <v>18.2</v>
      </c>
      <c r="F784" s="52">
        <v>54.8</v>
      </c>
      <c r="G784" s="52">
        <v>15.6</v>
      </c>
      <c r="H784" s="53">
        <v>11.3</v>
      </c>
    </row>
    <row r="785" spans="2:8" ht="21.6" x14ac:dyDescent="0.2">
      <c r="B785" s="76"/>
      <c r="C785" s="39" t="s">
        <v>59</v>
      </c>
      <c r="D785" s="45">
        <v>1391</v>
      </c>
      <c r="E785" s="46">
        <v>10.6</v>
      </c>
      <c r="F785" s="46">
        <v>61</v>
      </c>
      <c r="G785" s="46">
        <v>13.1</v>
      </c>
      <c r="H785" s="47">
        <v>15.3</v>
      </c>
    </row>
    <row r="786" spans="2:8" x14ac:dyDescent="0.2">
      <c r="B786" s="76"/>
      <c r="C786" s="39" t="s">
        <v>60</v>
      </c>
      <c r="D786" s="45">
        <v>1325</v>
      </c>
      <c r="E786" s="46">
        <v>13.6</v>
      </c>
      <c r="F786" s="46">
        <v>58</v>
      </c>
      <c r="G786" s="46">
        <v>14.6</v>
      </c>
      <c r="H786" s="47">
        <v>13.7</v>
      </c>
    </row>
    <row r="787" spans="2:8" x14ac:dyDescent="0.2">
      <c r="B787" s="76"/>
      <c r="C787" s="39" t="s">
        <v>61</v>
      </c>
      <c r="D787" s="45">
        <v>675</v>
      </c>
      <c r="E787" s="46">
        <v>11.7</v>
      </c>
      <c r="F787" s="46">
        <v>61.2</v>
      </c>
      <c r="G787" s="46">
        <v>12.3</v>
      </c>
      <c r="H787" s="47">
        <v>14.8</v>
      </c>
    </row>
    <row r="788" spans="2:8" x14ac:dyDescent="0.2">
      <c r="B788" s="76"/>
      <c r="C788" s="39" t="s">
        <v>62</v>
      </c>
      <c r="D788" s="45">
        <v>1086</v>
      </c>
      <c r="E788" s="46">
        <v>13.6</v>
      </c>
      <c r="F788" s="46">
        <v>58.8</v>
      </c>
      <c r="G788" s="46">
        <v>16.100000000000001</v>
      </c>
      <c r="H788" s="47">
        <v>11.4</v>
      </c>
    </row>
    <row r="789" spans="2:8" ht="21.6" x14ac:dyDescent="0.2">
      <c r="B789" s="76"/>
      <c r="C789" s="39" t="s">
        <v>63</v>
      </c>
      <c r="D789" s="45">
        <v>203</v>
      </c>
      <c r="E789" s="46">
        <v>15.8</v>
      </c>
      <c r="F789" s="46">
        <v>52.2</v>
      </c>
      <c r="G789" s="46">
        <v>10.8</v>
      </c>
      <c r="H789" s="47">
        <v>21.2</v>
      </c>
    </row>
    <row r="790" spans="2:8" x14ac:dyDescent="0.2">
      <c r="B790" s="76"/>
      <c r="C790" s="39" t="s">
        <v>64</v>
      </c>
      <c r="D790" s="45">
        <v>263</v>
      </c>
      <c r="E790" s="46">
        <v>15.2</v>
      </c>
      <c r="F790" s="46">
        <v>59.7</v>
      </c>
      <c r="G790" s="46">
        <v>16.3</v>
      </c>
      <c r="H790" s="47">
        <v>8.6999999999999993</v>
      </c>
    </row>
    <row r="791" spans="2:8" x14ac:dyDescent="0.2">
      <c r="B791" s="76"/>
      <c r="C791" s="39" t="s">
        <v>65</v>
      </c>
      <c r="D791" s="45">
        <v>312</v>
      </c>
      <c r="E791" s="46">
        <v>12.8</v>
      </c>
      <c r="F791" s="46">
        <v>58</v>
      </c>
      <c r="G791" s="46">
        <v>18.3</v>
      </c>
      <c r="H791" s="47">
        <v>10.9</v>
      </c>
    </row>
    <row r="792" spans="2:8" x14ac:dyDescent="0.2">
      <c r="B792" s="76"/>
      <c r="C792" s="39" t="s">
        <v>66</v>
      </c>
      <c r="D792" s="45">
        <v>230</v>
      </c>
      <c r="E792" s="46">
        <v>10</v>
      </c>
      <c r="F792" s="46">
        <v>63</v>
      </c>
      <c r="G792" s="46">
        <v>17.8</v>
      </c>
      <c r="H792" s="47">
        <v>9.1</v>
      </c>
    </row>
    <row r="793" spans="2:8" x14ac:dyDescent="0.2">
      <c r="B793" s="76"/>
      <c r="C793" s="39" t="s">
        <v>67</v>
      </c>
      <c r="D793" s="45">
        <v>78</v>
      </c>
      <c r="E793" s="46">
        <v>16.7</v>
      </c>
      <c r="F793" s="46">
        <v>64.099999999999994</v>
      </c>
      <c r="G793" s="46">
        <v>15.4</v>
      </c>
      <c r="H793" s="47">
        <v>3.8</v>
      </c>
    </row>
    <row r="794" spans="2:8" x14ac:dyDescent="0.2">
      <c r="B794" s="76"/>
      <c r="C794" s="39" t="s">
        <v>68</v>
      </c>
      <c r="D794" s="45">
        <v>897</v>
      </c>
      <c r="E794" s="46">
        <v>14.9</v>
      </c>
      <c r="F794" s="46">
        <v>59</v>
      </c>
      <c r="G794" s="46">
        <v>17.100000000000001</v>
      </c>
      <c r="H794" s="47">
        <v>9</v>
      </c>
    </row>
    <row r="795" spans="2:8" x14ac:dyDescent="0.2">
      <c r="B795" s="76"/>
      <c r="C795" s="39" t="s">
        <v>69</v>
      </c>
      <c r="D795" s="45">
        <v>189</v>
      </c>
      <c r="E795" s="46">
        <v>7.4</v>
      </c>
      <c r="F795" s="46">
        <v>58.2</v>
      </c>
      <c r="G795" s="46">
        <v>11.6</v>
      </c>
      <c r="H795" s="47">
        <v>22.8</v>
      </c>
    </row>
    <row r="796" spans="2:8" x14ac:dyDescent="0.2">
      <c r="B796" s="76"/>
      <c r="C796" s="39" t="s">
        <v>70</v>
      </c>
      <c r="D796" s="45">
        <v>914</v>
      </c>
      <c r="E796" s="46">
        <v>12.1</v>
      </c>
      <c r="F796" s="46">
        <v>59.4</v>
      </c>
      <c r="G796" s="46">
        <v>11.2</v>
      </c>
      <c r="H796" s="47">
        <v>17.3</v>
      </c>
    </row>
    <row r="797" spans="2:8" ht="21.6" x14ac:dyDescent="0.2">
      <c r="B797" s="76"/>
      <c r="C797" s="39" t="s">
        <v>63</v>
      </c>
      <c r="D797" s="45">
        <v>193</v>
      </c>
      <c r="E797" s="46">
        <v>18.100000000000001</v>
      </c>
      <c r="F797" s="46">
        <v>45.1</v>
      </c>
      <c r="G797" s="46">
        <v>7.8</v>
      </c>
      <c r="H797" s="47">
        <v>29</v>
      </c>
    </row>
    <row r="798" spans="2:8" x14ac:dyDescent="0.2">
      <c r="B798" s="76"/>
      <c r="C798" s="39" t="s">
        <v>64</v>
      </c>
      <c r="D798" s="45">
        <v>203</v>
      </c>
      <c r="E798" s="46">
        <v>13.3</v>
      </c>
      <c r="F798" s="46">
        <v>54.2</v>
      </c>
      <c r="G798" s="46">
        <v>16.3</v>
      </c>
      <c r="H798" s="47">
        <v>16.3</v>
      </c>
    </row>
    <row r="799" spans="2:8" x14ac:dyDescent="0.2">
      <c r="B799" s="76"/>
      <c r="C799" s="39" t="s">
        <v>65</v>
      </c>
      <c r="D799" s="45">
        <v>263</v>
      </c>
      <c r="E799" s="46">
        <v>11</v>
      </c>
      <c r="F799" s="46">
        <v>62.7</v>
      </c>
      <c r="G799" s="46">
        <v>11.8</v>
      </c>
      <c r="H799" s="47">
        <v>14.4</v>
      </c>
    </row>
    <row r="800" spans="2:8" x14ac:dyDescent="0.2">
      <c r="B800" s="76"/>
      <c r="C800" s="39" t="s">
        <v>66</v>
      </c>
      <c r="D800" s="45">
        <v>194</v>
      </c>
      <c r="E800" s="46">
        <v>8.1999999999999993</v>
      </c>
      <c r="F800" s="46">
        <v>69.599999999999994</v>
      </c>
      <c r="G800" s="46">
        <v>7.7</v>
      </c>
      <c r="H800" s="47">
        <v>14.4</v>
      </c>
    </row>
    <row r="801" spans="1:25" x14ac:dyDescent="0.2">
      <c r="B801" s="76"/>
      <c r="C801" s="39" t="s">
        <v>67</v>
      </c>
      <c r="D801" s="45">
        <v>61</v>
      </c>
      <c r="E801" s="46">
        <v>6.6</v>
      </c>
      <c r="F801" s="46">
        <v>75.400000000000006</v>
      </c>
      <c r="G801" s="46">
        <v>13.1</v>
      </c>
      <c r="H801" s="47">
        <v>4.9000000000000004</v>
      </c>
    </row>
    <row r="802" spans="1:25" x14ac:dyDescent="0.2">
      <c r="B802" s="76"/>
      <c r="C802" s="39" t="s">
        <v>68</v>
      </c>
      <c r="D802" s="45">
        <v>416</v>
      </c>
      <c r="E802" s="46">
        <v>16.8</v>
      </c>
      <c r="F802" s="46">
        <v>59.4</v>
      </c>
      <c r="G802" s="46">
        <v>10.3</v>
      </c>
      <c r="H802" s="47">
        <v>13.5</v>
      </c>
    </row>
    <row r="803" spans="1:25" x14ac:dyDescent="0.2">
      <c r="B803" s="76"/>
      <c r="C803" s="40" t="s">
        <v>69</v>
      </c>
      <c r="D803" s="48">
        <v>498</v>
      </c>
      <c r="E803" s="49">
        <v>8.1999999999999993</v>
      </c>
      <c r="F803" s="49">
        <v>59.4</v>
      </c>
      <c r="G803" s="49">
        <v>11.8</v>
      </c>
      <c r="H803" s="50">
        <v>20.5</v>
      </c>
    </row>
    <row r="805" spans="1:25" x14ac:dyDescent="0.2">
      <c r="A805" s="26" t="s">
        <v>25</v>
      </c>
      <c r="B805" t="s">
        <v>35</v>
      </c>
      <c r="C805" t="s">
        <v>35</v>
      </c>
    </row>
    <row r="806" spans="1:25" x14ac:dyDescent="0.2">
      <c r="B806" s="74" t="s">
        <v>97</v>
      </c>
      <c r="C806" s="75"/>
      <c r="D806" s="75"/>
      <c r="E806" s="75"/>
      <c r="F806" s="75"/>
      <c r="G806" s="75"/>
      <c r="H806" s="75"/>
      <c r="I806" s="75"/>
      <c r="J806" s="75"/>
      <c r="K806" s="75"/>
      <c r="L806" s="75"/>
      <c r="M806" s="75"/>
      <c r="N806" s="75"/>
      <c r="O806" s="75"/>
      <c r="P806" s="75"/>
      <c r="Q806" s="75"/>
      <c r="R806" s="75"/>
      <c r="S806" s="75"/>
      <c r="T806" s="75"/>
      <c r="U806" s="75"/>
      <c r="V806" s="75"/>
      <c r="W806" s="75"/>
      <c r="X806" s="75"/>
      <c r="Y806" s="75"/>
    </row>
    <row r="807" spans="1:25" s="32" customFormat="1" ht="36.450000000000003" customHeight="1" x14ac:dyDescent="0.15">
      <c r="A807" s="31"/>
      <c r="D807" s="33" t="s">
        <v>242</v>
      </c>
      <c r="E807" s="35" t="s">
        <v>277</v>
      </c>
      <c r="F807" s="36" t="s">
        <v>279</v>
      </c>
      <c r="G807" s="36" t="s">
        <v>282</v>
      </c>
      <c r="H807" s="37" t="s">
        <v>276</v>
      </c>
      <c r="I807" s="34" t="s">
        <v>251</v>
      </c>
    </row>
    <row r="808" spans="1:25" x14ac:dyDescent="0.2">
      <c r="B808" s="5"/>
      <c r="C808" s="41" t="s">
        <v>38</v>
      </c>
      <c r="D808" s="42">
        <v>2000</v>
      </c>
      <c r="E808" s="43">
        <v>14.6</v>
      </c>
      <c r="F808" s="43">
        <v>58.2</v>
      </c>
      <c r="G808" s="43">
        <v>13.6</v>
      </c>
      <c r="H808" s="44">
        <v>13.7</v>
      </c>
    </row>
    <row r="809" spans="1:25" x14ac:dyDescent="0.2">
      <c r="B809" s="76" t="s">
        <v>37</v>
      </c>
      <c r="C809" s="39" t="s">
        <v>39</v>
      </c>
      <c r="D809" s="45">
        <v>111</v>
      </c>
      <c r="E809" s="46">
        <v>17.100000000000001</v>
      </c>
      <c r="F809" s="46">
        <v>64.900000000000006</v>
      </c>
      <c r="G809" s="46">
        <v>9</v>
      </c>
      <c r="H809" s="47">
        <v>9</v>
      </c>
    </row>
    <row r="810" spans="1:25" x14ac:dyDescent="0.2">
      <c r="B810" s="76"/>
      <c r="C810" s="39" t="s">
        <v>40</v>
      </c>
      <c r="D810" s="45">
        <v>450</v>
      </c>
      <c r="E810" s="46">
        <v>14.4</v>
      </c>
      <c r="F810" s="46">
        <v>61.6</v>
      </c>
      <c r="G810" s="46">
        <v>13.8</v>
      </c>
      <c r="H810" s="47">
        <v>10.199999999999999</v>
      </c>
    </row>
    <row r="811" spans="1:25" ht="21.6" x14ac:dyDescent="0.2">
      <c r="B811" s="76"/>
      <c r="C811" s="39" t="s">
        <v>41</v>
      </c>
      <c r="D811" s="45">
        <v>30</v>
      </c>
      <c r="E811" s="46">
        <v>10</v>
      </c>
      <c r="F811" s="46">
        <v>50</v>
      </c>
      <c r="G811" s="46">
        <v>16.7</v>
      </c>
      <c r="H811" s="47">
        <v>23.3</v>
      </c>
    </row>
    <row r="812" spans="1:25" ht="21.6" x14ac:dyDescent="0.2">
      <c r="B812" s="76"/>
      <c r="C812" s="39" t="s">
        <v>42</v>
      </c>
      <c r="D812" s="45">
        <v>336</v>
      </c>
      <c r="E812" s="46">
        <v>17.3</v>
      </c>
      <c r="F812" s="46">
        <v>54.8</v>
      </c>
      <c r="G812" s="46">
        <v>14</v>
      </c>
      <c r="H812" s="47">
        <v>14</v>
      </c>
    </row>
    <row r="813" spans="1:25" ht="21.6" x14ac:dyDescent="0.2">
      <c r="B813" s="76"/>
      <c r="C813" s="39" t="s">
        <v>43</v>
      </c>
      <c r="D813" s="45">
        <v>327</v>
      </c>
      <c r="E813" s="46">
        <v>14.1</v>
      </c>
      <c r="F813" s="46">
        <v>55.7</v>
      </c>
      <c r="G813" s="46">
        <v>14.1</v>
      </c>
      <c r="H813" s="47">
        <v>16.2</v>
      </c>
    </row>
    <row r="814" spans="1:25" ht="21.6" x14ac:dyDescent="0.2">
      <c r="B814" s="76"/>
      <c r="C814" s="39" t="s">
        <v>44</v>
      </c>
      <c r="D814" s="45">
        <v>181</v>
      </c>
      <c r="E814" s="46">
        <v>17.100000000000001</v>
      </c>
      <c r="F814" s="46">
        <v>55.2</v>
      </c>
      <c r="G814" s="46">
        <v>15.5</v>
      </c>
      <c r="H814" s="47">
        <v>12.2</v>
      </c>
    </row>
    <row r="815" spans="1:25" ht="21.6" x14ac:dyDescent="0.2">
      <c r="B815" s="76"/>
      <c r="C815" s="39" t="s">
        <v>45</v>
      </c>
      <c r="D815" s="45">
        <v>565</v>
      </c>
      <c r="E815" s="46">
        <v>12.4</v>
      </c>
      <c r="F815" s="46">
        <v>58.9</v>
      </c>
      <c r="G815" s="46">
        <v>12.9</v>
      </c>
      <c r="H815" s="47">
        <v>15.8</v>
      </c>
    </row>
    <row r="816" spans="1:25" ht="21.6" x14ac:dyDescent="0.2">
      <c r="B816" s="76"/>
      <c r="C816" s="39" t="s">
        <v>46</v>
      </c>
      <c r="D816" s="45">
        <v>473</v>
      </c>
      <c r="E816" s="46">
        <v>9.6999999999999993</v>
      </c>
      <c r="F816" s="46">
        <v>56.2</v>
      </c>
      <c r="G816" s="46">
        <v>14.8</v>
      </c>
      <c r="H816" s="47">
        <v>19.2</v>
      </c>
    </row>
    <row r="817" spans="1:25" ht="21.6" x14ac:dyDescent="0.2">
      <c r="B817" s="76"/>
      <c r="C817" s="39" t="s">
        <v>47</v>
      </c>
      <c r="D817" s="45">
        <v>441</v>
      </c>
      <c r="E817" s="46">
        <v>16.8</v>
      </c>
      <c r="F817" s="46">
        <v>59</v>
      </c>
      <c r="G817" s="46">
        <v>15</v>
      </c>
      <c r="H817" s="47">
        <v>9.3000000000000007</v>
      </c>
    </row>
    <row r="818" spans="1:25" ht="21.6" x14ac:dyDescent="0.2">
      <c r="B818" s="76"/>
      <c r="C818" s="39" t="s">
        <v>48</v>
      </c>
      <c r="D818" s="45">
        <v>305</v>
      </c>
      <c r="E818" s="46">
        <v>16.399999999999999</v>
      </c>
      <c r="F818" s="46">
        <v>63.6</v>
      </c>
      <c r="G818" s="46">
        <v>12.5</v>
      </c>
      <c r="H818" s="47">
        <v>7.5</v>
      </c>
    </row>
    <row r="819" spans="1:25" ht="21.6" x14ac:dyDescent="0.2">
      <c r="B819" s="76"/>
      <c r="C819" s="39" t="s">
        <v>49</v>
      </c>
      <c r="D819" s="45">
        <v>223</v>
      </c>
      <c r="E819" s="46">
        <v>21.1</v>
      </c>
      <c r="F819" s="46">
        <v>60.1</v>
      </c>
      <c r="G819" s="46">
        <v>12.6</v>
      </c>
      <c r="H819" s="47">
        <v>6.3</v>
      </c>
    </row>
    <row r="820" spans="1:25" ht="21.6" x14ac:dyDescent="0.2">
      <c r="B820" s="76"/>
      <c r="C820" s="39" t="s">
        <v>50</v>
      </c>
      <c r="D820" s="45">
        <v>123</v>
      </c>
      <c r="E820" s="46">
        <v>17.899999999999999</v>
      </c>
      <c r="F820" s="46">
        <v>65.900000000000006</v>
      </c>
      <c r="G820" s="46">
        <v>10.6</v>
      </c>
      <c r="H820" s="47">
        <v>5.7</v>
      </c>
    </row>
    <row r="821" spans="1:25" ht="21.6" x14ac:dyDescent="0.2">
      <c r="B821" s="76"/>
      <c r="C821" s="39" t="s">
        <v>51</v>
      </c>
      <c r="D821" s="45">
        <v>124</v>
      </c>
      <c r="E821" s="46">
        <v>24.2</v>
      </c>
      <c r="F821" s="46">
        <v>61.3</v>
      </c>
      <c r="G821" s="46">
        <v>8.9</v>
      </c>
      <c r="H821" s="47">
        <v>5.6</v>
      </c>
    </row>
    <row r="822" spans="1:25" ht="21.6" x14ac:dyDescent="0.2">
      <c r="B822" s="76"/>
      <c r="C822" s="39" t="s">
        <v>52</v>
      </c>
      <c r="D822" s="45">
        <v>312</v>
      </c>
      <c r="E822" s="46">
        <v>9.6</v>
      </c>
      <c r="F822" s="46">
        <v>64.099999999999994</v>
      </c>
      <c r="G822" s="46">
        <v>13.5</v>
      </c>
      <c r="H822" s="47">
        <v>12.8</v>
      </c>
    </row>
    <row r="823" spans="1:25" x14ac:dyDescent="0.2">
      <c r="B823" s="76"/>
      <c r="C823" s="39" t="s">
        <v>53</v>
      </c>
      <c r="D823" s="45">
        <v>269</v>
      </c>
      <c r="E823" s="46">
        <v>13.4</v>
      </c>
      <c r="F823" s="46">
        <v>65.099999999999994</v>
      </c>
      <c r="G823" s="46">
        <v>11.5</v>
      </c>
      <c r="H823" s="47">
        <v>10</v>
      </c>
    </row>
    <row r="824" spans="1:25" ht="21.6" x14ac:dyDescent="0.2">
      <c r="B824" s="76"/>
      <c r="C824" s="39" t="s">
        <v>54</v>
      </c>
      <c r="D824" s="45">
        <v>511</v>
      </c>
      <c r="E824" s="46">
        <v>17.600000000000001</v>
      </c>
      <c r="F824" s="46">
        <v>58.5</v>
      </c>
      <c r="G824" s="46">
        <v>15.1</v>
      </c>
      <c r="H824" s="47">
        <v>8.8000000000000007</v>
      </c>
    </row>
    <row r="825" spans="1:25" ht="21.6" x14ac:dyDescent="0.2">
      <c r="B825" s="76"/>
      <c r="C825" s="39" t="s">
        <v>55</v>
      </c>
      <c r="D825" s="45">
        <v>615</v>
      </c>
      <c r="E825" s="46">
        <v>18.7</v>
      </c>
      <c r="F825" s="46">
        <v>57.6</v>
      </c>
      <c r="G825" s="46">
        <v>13.5</v>
      </c>
      <c r="H825" s="47">
        <v>10.199999999999999</v>
      </c>
    </row>
    <row r="826" spans="1:25" ht="21.6" x14ac:dyDescent="0.2">
      <c r="B826" s="76"/>
      <c r="C826" s="39" t="s">
        <v>56</v>
      </c>
      <c r="D826" s="45">
        <v>800</v>
      </c>
      <c r="E826" s="46">
        <v>20.3</v>
      </c>
      <c r="F826" s="46">
        <v>54.6</v>
      </c>
      <c r="G826" s="46">
        <v>14.1</v>
      </c>
      <c r="H826" s="47">
        <v>11</v>
      </c>
    </row>
    <row r="827" spans="1:25" x14ac:dyDescent="0.2">
      <c r="B827" s="76"/>
      <c r="C827" s="40" t="s">
        <v>57</v>
      </c>
      <c r="D827" s="48">
        <v>798</v>
      </c>
      <c r="E827" s="49">
        <v>11.9</v>
      </c>
      <c r="F827" s="49">
        <v>65.7</v>
      </c>
      <c r="G827" s="49">
        <v>14.8</v>
      </c>
      <c r="H827" s="50">
        <v>7.6</v>
      </c>
    </row>
    <row r="829" spans="1:25" x14ac:dyDescent="0.2">
      <c r="C829" t="s">
        <v>35</v>
      </c>
    </row>
    <row r="830" spans="1:25" x14ac:dyDescent="0.2">
      <c r="B830" s="74" t="s">
        <v>193</v>
      </c>
      <c r="C830" s="75"/>
      <c r="D830" s="75"/>
      <c r="E830" s="75"/>
      <c r="F830" s="75"/>
      <c r="G830" s="75"/>
      <c r="H830" s="75"/>
      <c r="I830" s="75"/>
      <c r="J830" s="75"/>
      <c r="K830" s="75"/>
      <c r="L830" s="75"/>
      <c r="M830" s="75"/>
      <c r="N830" s="75"/>
      <c r="O830" s="75"/>
      <c r="P830" s="75"/>
      <c r="Q830" s="75"/>
      <c r="R830" s="75"/>
      <c r="S830" s="75"/>
      <c r="T830" s="75"/>
      <c r="U830" s="75"/>
      <c r="V830" s="75"/>
      <c r="W830" s="75"/>
      <c r="X830" s="75"/>
      <c r="Y830" s="75"/>
    </row>
    <row r="831" spans="1:25" s="32" customFormat="1" ht="36.450000000000003" customHeight="1" x14ac:dyDescent="0.15">
      <c r="A831" s="31"/>
      <c r="D831" s="33" t="s">
        <v>242</v>
      </c>
      <c r="E831" s="35" t="s">
        <v>277</v>
      </c>
      <c r="F831" s="36" t="s">
        <v>279</v>
      </c>
      <c r="G831" s="36" t="s">
        <v>282</v>
      </c>
      <c r="H831" s="37" t="s">
        <v>276</v>
      </c>
      <c r="I831" s="34" t="s">
        <v>251</v>
      </c>
    </row>
    <row r="832" spans="1:25" ht="21.6" x14ac:dyDescent="0.2">
      <c r="B832" s="76" t="s">
        <v>37</v>
      </c>
      <c r="C832" s="38" t="s">
        <v>58</v>
      </c>
      <c r="D832" s="51">
        <v>609</v>
      </c>
      <c r="E832" s="52">
        <v>20.5</v>
      </c>
      <c r="F832" s="52">
        <v>53.2</v>
      </c>
      <c r="G832" s="52">
        <v>14.3</v>
      </c>
      <c r="H832" s="53">
        <v>12</v>
      </c>
    </row>
    <row r="833" spans="2:8" ht="21.6" x14ac:dyDescent="0.2">
      <c r="B833" s="76"/>
      <c r="C833" s="39" t="s">
        <v>59</v>
      </c>
      <c r="D833" s="45">
        <v>1391</v>
      </c>
      <c r="E833" s="46">
        <v>12</v>
      </c>
      <c r="F833" s="46">
        <v>60.3</v>
      </c>
      <c r="G833" s="46">
        <v>13.2</v>
      </c>
      <c r="H833" s="47">
        <v>14.5</v>
      </c>
    </row>
    <row r="834" spans="2:8" x14ac:dyDescent="0.2">
      <c r="B834" s="76"/>
      <c r="C834" s="39" t="s">
        <v>60</v>
      </c>
      <c r="D834" s="45">
        <v>1325</v>
      </c>
      <c r="E834" s="46">
        <v>14.8</v>
      </c>
      <c r="F834" s="46">
        <v>57.7</v>
      </c>
      <c r="G834" s="46">
        <v>14</v>
      </c>
      <c r="H834" s="47">
        <v>13.5</v>
      </c>
    </row>
    <row r="835" spans="2:8" x14ac:dyDescent="0.2">
      <c r="B835" s="76"/>
      <c r="C835" s="39" t="s">
        <v>61</v>
      </c>
      <c r="D835" s="45">
        <v>675</v>
      </c>
      <c r="E835" s="46">
        <v>14.2</v>
      </c>
      <c r="F835" s="46">
        <v>59.1</v>
      </c>
      <c r="G835" s="46">
        <v>12.6</v>
      </c>
      <c r="H835" s="47">
        <v>14.1</v>
      </c>
    </row>
    <row r="836" spans="2:8" x14ac:dyDescent="0.2">
      <c r="B836" s="76"/>
      <c r="C836" s="39" t="s">
        <v>62</v>
      </c>
      <c r="D836" s="45">
        <v>1086</v>
      </c>
      <c r="E836" s="46">
        <v>15.2</v>
      </c>
      <c r="F836" s="46">
        <v>58.8</v>
      </c>
      <c r="G836" s="46">
        <v>15.3</v>
      </c>
      <c r="H836" s="47">
        <v>10.7</v>
      </c>
    </row>
    <row r="837" spans="2:8" ht="21.6" x14ac:dyDescent="0.2">
      <c r="B837" s="76"/>
      <c r="C837" s="39" t="s">
        <v>63</v>
      </c>
      <c r="D837" s="45">
        <v>203</v>
      </c>
      <c r="E837" s="46">
        <v>16.7</v>
      </c>
      <c r="F837" s="46">
        <v>52.2</v>
      </c>
      <c r="G837" s="46">
        <v>10.3</v>
      </c>
      <c r="H837" s="47">
        <v>20.7</v>
      </c>
    </row>
    <row r="838" spans="2:8" x14ac:dyDescent="0.2">
      <c r="B838" s="76"/>
      <c r="C838" s="39" t="s">
        <v>64</v>
      </c>
      <c r="D838" s="45">
        <v>263</v>
      </c>
      <c r="E838" s="46">
        <v>15.2</v>
      </c>
      <c r="F838" s="46">
        <v>56.7</v>
      </c>
      <c r="G838" s="46">
        <v>19.8</v>
      </c>
      <c r="H838" s="47">
        <v>8.4</v>
      </c>
    </row>
    <row r="839" spans="2:8" x14ac:dyDescent="0.2">
      <c r="B839" s="76"/>
      <c r="C839" s="39" t="s">
        <v>65</v>
      </c>
      <c r="D839" s="45">
        <v>312</v>
      </c>
      <c r="E839" s="46">
        <v>16</v>
      </c>
      <c r="F839" s="46">
        <v>58.7</v>
      </c>
      <c r="G839" s="46">
        <v>15.4</v>
      </c>
      <c r="H839" s="47">
        <v>9.9</v>
      </c>
    </row>
    <row r="840" spans="2:8" x14ac:dyDescent="0.2">
      <c r="B840" s="76"/>
      <c r="C840" s="39" t="s">
        <v>66</v>
      </c>
      <c r="D840" s="45">
        <v>230</v>
      </c>
      <c r="E840" s="46">
        <v>11.7</v>
      </c>
      <c r="F840" s="46">
        <v>64.3</v>
      </c>
      <c r="G840" s="46">
        <v>16.100000000000001</v>
      </c>
      <c r="H840" s="47">
        <v>7.8</v>
      </c>
    </row>
    <row r="841" spans="2:8" x14ac:dyDescent="0.2">
      <c r="B841" s="76"/>
      <c r="C841" s="39" t="s">
        <v>67</v>
      </c>
      <c r="D841" s="45">
        <v>78</v>
      </c>
      <c r="E841" s="46">
        <v>17.899999999999999</v>
      </c>
      <c r="F841" s="46">
        <v>67.900000000000006</v>
      </c>
      <c r="G841" s="46">
        <v>10.3</v>
      </c>
      <c r="H841" s="47">
        <v>3.8</v>
      </c>
    </row>
    <row r="842" spans="2:8" x14ac:dyDescent="0.2">
      <c r="B842" s="76"/>
      <c r="C842" s="39" t="s">
        <v>68</v>
      </c>
      <c r="D842" s="45">
        <v>897</v>
      </c>
      <c r="E842" s="46">
        <v>16.3</v>
      </c>
      <c r="F842" s="46">
        <v>58.9</v>
      </c>
      <c r="G842" s="46">
        <v>16.600000000000001</v>
      </c>
      <c r="H842" s="47">
        <v>8.1999999999999993</v>
      </c>
    </row>
    <row r="843" spans="2:8" x14ac:dyDescent="0.2">
      <c r="B843" s="76"/>
      <c r="C843" s="39" t="s">
        <v>69</v>
      </c>
      <c r="D843" s="45">
        <v>189</v>
      </c>
      <c r="E843" s="46">
        <v>10.1</v>
      </c>
      <c r="F843" s="46">
        <v>58.7</v>
      </c>
      <c r="G843" s="46">
        <v>9</v>
      </c>
      <c r="H843" s="47">
        <v>22.2</v>
      </c>
    </row>
    <row r="844" spans="2:8" x14ac:dyDescent="0.2">
      <c r="B844" s="76"/>
      <c r="C844" s="39" t="s">
        <v>70</v>
      </c>
      <c r="D844" s="45">
        <v>914</v>
      </c>
      <c r="E844" s="46">
        <v>13.9</v>
      </c>
      <c r="F844" s="46">
        <v>57.3</v>
      </c>
      <c r="G844" s="46">
        <v>11.5</v>
      </c>
      <c r="H844" s="47">
        <v>17.3</v>
      </c>
    </row>
    <row r="845" spans="2:8" ht="21.6" x14ac:dyDescent="0.2">
      <c r="B845" s="76"/>
      <c r="C845" s="39" t="s">
        <v>63</v>
      </c>
      <c r="D845" s="45">
        <v>193</v>
      </c>
      <c r="E845" s="46">
        <v>19.2</v>
      </c>
      <c r="F845" s="46">
        <v>42.5</v>
      </c>
      <c r="G845" s="46">
        <v>9.3000000000000007</v>
      </c>
      <c r="H845" s="47">
        <v>29</v>
      </c>
    </row>
    <row r="846" spans="2:8" x14ac:dyDescent="0.2">
      <c r="B846" s="76"/>
      <c r="C846" s="39" t="s">
        <v>64</v>
      </c>
      <c r="D846" s="45">
        <v>203</v>
      </c>
      <c r="E846" s="46">
        <v>14.8</v>
      </c>
      <c r="F846" s="46">
        <v>55.2</v>
      </c>
      <c r="G846" s="46">
        <v>13.3</v>
      </c>
      <c r="H846" s="47">
        <v>16.7</v>
      </c>
    </row>
    <row r="847" spans="2:8" x14ac:dyDescent="0.2">
      <c r="B847" s="76"/>
      <c r="C847" s="39" t="s">
        <v>65</v>
      </c>
      <c r="D847" s="45">
        <v>263</v>
      </c>
      <c r="E847" s="46">
        <v>13.3</v>
      </c>
      <c r="F847" s="46">
        <v>62.4</v>
      </c>
      <c r="G847" s="46">
        <v>10.3</v>
      </c>
      <c r="H847" s="47">
        <v>14.1</v>
      </c>
    </row>
    <row r="848" spans="2:8" x14ac:dyDescent="0.2">
      <c r="B848" s="76"/>
      <c r="C848" s="39" t="s">
        <v>66</v>
      </c>
      <c r="D848" s="45">
        <v>194</v>
      </c>
      <c r="E848" s="46">
        <v>11.3</v>
      </c>
      <c r="F848" s="46">
        <v>62.9</v>
      </c>
      <c r="G848" s="46">
        <v>11.3</v>
      </c>
      <c r="H848" s="47">
        <v>14.4</v>
      </c>
    </row>
    <row r="849" spans="1:25" x14ac:dyDescent="0.2">
      <c r="B849" s="76"/>
      <c r="C849" s="39" t="s">
        <v>67</v>
      </c>
      <c r="D849" s="45">
        <v>61</v>
      </c>
      <c r="E849" s="46">
        <v>4.9000000000000004</v>
      </c>
      <c r="F849" s="46">
        <v>72.099999999999994</v>
      </c>
      <c r="G849" s="46">
        <v>18</v>
      </c>
      <c r="H849" s="47">
        <v>4.9000000000000004</v>
      </c>
    </row>
    <row r="850" spans="1:25" x14ac:dyDescent="0.2">
      <c r="B850" s="76"/>
      <c r="C850" s="39" t="s">
        <v>68</v>
      </c>
      <c r="D850" s="45">
        <v>416</v>
      </c>
      <c r="E850" s="46">
        <v>18.5</v>
      </c>
      <c r="F850" s="46">
        <v>57.7</v>
      </c>
      <c r="G850" s="46">
        <v>10.3</v>
      </c>
      <c r="H850" s="47">
        <v>13.5</v>
      </c>
    </row>
    <row r="851" spans="1:25" x14ac:dyDescent="0.2">
      <c r="B851" s="76"/>
      <c r="C851" s="40" t="s">
        <v>69</v>
      </c>
      <c r="D851" s="48">
        <v>498</v>
      </c>
      <c r="E851" s="49">
        <v>10</v>
      </c>
      <c r="F851" s="49">
        <v>57</v>
      </c>
      <c r="G851" s="49">
        <v>12.4</v>
      </c>
      <c r="H851" s="50">
        <v>20.5</v>
      </c>
    </row>
    <row r="853" spans="1:25" x14ac:dyDescent="0.2">
      <c r="A853" s="26" t="s">
        <v>25</v>
      </c>
      <c r="B853" t="s">
        <v>35</v>
      </c>
      <c r="C853" t="s">
        <v>35</v>
      </c>
    </row>
    <row r="854" spans="1:25" x14ac:dyDescent="0.2">
      <c r="B854" s="74" t="s">
        <v>98</v>
      </c>
      <c r="C854" s="75"/>
      <c r="D854" s="75"/>
      <c r="E854" s="75"/>
      <c r="F854" s="75"/>
      <c r="G854" s="75"/>
      <c r="H854" s="75"/>
      <c r="I854" s="75"/>
      <c r="J854" s="75"/>
      <c r="K854" s="75"/>
      <c r="L854" s="75"/>
      <c r="M854" s="75"/>
      <c r="N854" s="75"/>
      <c r="O854" s="75"/>
      <c r="P854" s="75"/>
      <c r="Q854" s="75"/>
      <c r="R854" s="75"/>
      <c r="S854" s="75"/>
      <c r="T854" s="75"/>
      <c r="U854" s="75"/>
      <c r="V854" s="75"/>
      <c r="W854" s="75"/>
      <c r="X854" s="75"/>
      <c r="Y854" s="75"/>
    </row>
    <row r="855" spans="1:25" s="32" customFormat="1" ht="36.450000000000003" customHeight="1" x14ac:dyDescent="0.15">
      <c r="A855" s="31"/>
      <c r="D855" s="33" t="s">
        <v>242</v>
      </c>
      <c r="E855" s="35" t="s">
        <v>277</v>
      </c>
      <c r="F855" s="36" t="s">
        <v>279</v>
      </c>
      <c r="G855" s="36" t="s">
        <v>282</v>
      </c>
      <c r="H855" s="37" t="s">
        <v>276</v>
      </c>
      <c r="I855" s="34" t="s">
        <v>251</v>
      </c>
    </row>
    <row r="856" spans="1:25" x14ac:dyDescent="0.2">
      <c r="B856" s="5"/>
      <c r="C856" s="41" t="s">
        <v>38</v>
      </c>
      <c r="D856" s="42">
        <v>2000</v>
      </c>
      <c r="E856" s="43">
        <v>16.3</v>
      </c>
      <c r="F856" s="43">
        <v>57.4</v>
      </c>
      <c r="G856" s="43">
        <v>12.2</v>
      </c>
      <c r="H856" s="44">
        <v>14.2</v>
      </c>
    </row>
    <row r="857" spans="1:25" x14ac:dyDescent="0.2">
      <c r="B857" s="76" t="s">
        <v>37</v>
      </c>
      <c r="C857" s="39" t="s">
        <v>39</v>
      </c>
      <c r="D857" s="45">
        <v>111</v>
      </c>
      <c r="E857" s="46">
        <v>18</v>
      </c>
      <c r="F857" s="46">
        <v>64.900000000000006</v>
      </c>
      <c r="G857" s="46">
        <v>9</v>
      </c>
      <c r="H857" s="47">
        <v>8.1</v>
      </c>
    </row>
    <row r="858" spans="1:25" x14ac:dyDescent="0.2">
      <c r="B858" s="76"/>
      <c r="C858" s="39" t="s">
        <v>40</v>
      </c>
      <c r="D858" s="45">
        <v>450</v>
      </c>
      <c r="E858" s="46">
        <v>18.7</v>
      </c>
      <c r="F858" s="46">
        <v>58.2</v>
      </c>
      <c r="G858" s="46">
        <v>12.7</v>
      </c>
      <c r="H858" s="47">
        <v>10.4</v>
      </c>
    </row>
    <row r="859" spans="1:25" ht="21.6" x14ac:dyDescent="0.2">
      <c r="B859" s="76"/>
      <c r="C859" s="39" t="s">
        <v>41</v>
      </c>
      <c r="D859" s="45">
        <v>30</v>
      </c>
      <c r="E859" s="46">
        <v>13.3</v>
      </c>
      <c r="F859" s="46">
        <v>46.7</v>
      </c>
      <c r="G859" s="46">
        <v>16.7</v>
      </c>
      <c r="H859" s="47">
        <v>23.3</v>
      </c>
    </row>
    <row r="860" spans="1:25" ht="21.6" x14ac:dyDescent="0.2">
      <c r="B860" s="76"/>
      <c r="C860" s="39" t="s">
        <v>42</v>
      </c>
      <c r="D860" s="45">
        <v>336</v>
      </c>
      <c r="E860" s="46">
        <v>19.600000000000001</v>
      </c>
      <c r="F860" s="46">
        <v>53.9</v>
      </c>
      <c r="G860" s="46">
        <v>12.2</v>
      </c>
      <c r="H860" s="47">
        <v>14.3</v>
      </c>
    </row>
    <row r="861" spans="1:25" ht="21.6" x14ac:dyDescent="0.2">
      <c r="B861" s="76"/>
      <c r="C861" s="39" t="s">
        <v>43</v>
      </c>
      <c r="D861" s="45">
        <v>327</v>
      </c>
      <c r="E861" s="46">
        <v>14.1</v>
      </c>
      <c r="F861" s="46">
        <v>56</v>
      </c>
      <c r="G861" s="46">
        <v>12.2</v>
      </c>
      <c r="H861" s="47">
        <v>17.7</v>
      </c>
    </row>
    <row r="862" spans="1:25" ht="21.6" x14ac:dyDescent="0.2">
      <c r="B862" s="76"/>
      <c r="C862" s="39" t="s">
        <v>44</v>
      </c>
      <c r="D862" s="45">
        <v>181</v>
      </c>
      <c r="E862" s="46">
        <v>17.100000000000001</v>
      </c>
      <c r="F862" s="46">
        <v>56.4</v>
      </c>
      <c r="G862" s="46">
        <v>13.8</v>
      </c>
      <c r="H862" s="47">
        <v>12.7</v>
      </c>
    </row>
    <row r="863" spans="1:25" ht="21.6" x14ac:dyDescent="0.2">
      <c r="B863" s="76"/>
      <c r="C863" s="39" t="s">
        <v>45</v>
      </c>
      <c r="D863" s="45">
        <v>565</v>
      </c>
      <c r="E863" s="46">
        <v>13.3</v>
      </c>
      <c r="F863" s="46">
        <v>59.1</v>
      </c>
      <c r="G863" s="46">
        <v>11.5</v>
      </c>
      <c r="H863" s="47">
        <v>16.100000000000001</v>
      </c>
    </row>
    <row r="864" spans="1:25" ht="21.6" x14ac:dyDescent="0.2">
      <c r="B864" s="76"/>
      <c r="C864" s="39" t="s">
        <v>46</v>
      </c>
      <c r="D864" s="45">
        <v>473</v>
      </c>
      <c r="E864" s="46">
        <v>10.6</v>
      </c>
      <c r="F864" s="46">
        <v>56.2</v>
      </c>
      <c r="G864" s="46">
        <v>13.5</v>
      </c>
      <c r="H864" s="47">
        <v>19.7</v>
      </c>
    </row>
    <row r="865" spans="1:25" ht="21.6" x14ac:dyDescent="0.2">
      <c r="B865" s="76"/>
      <c r="C865" s="39" t="s">
        <v>47</v>
      </c>
      <c r="D865" s="45">
        <v>441</v>
      </c>
      <c r="E865" s="46">
        <v>17.7</v>
      </c>
      <c r="F865" s="46">
        <v>59.2</v>
      </c>
      <c r="G865" s="46">
        <v>13.8</v>
      </c>
      <c r="H865" s="47">
        <v>9.3000000000000007</v>
      </c>
    </row>
    <row r="866" spans="1:25" ht="21.6" x14ac:dyDescent="0.2">
      <c r="B866" s="76"/>
      <c r="C866" s="39" t="s">
        <v>48</v>
      </c>
      <c r="D866" s="45">
        <v>305</v>
      </c>
      <c r="E866" s="46">
        <v>16.7</v>
      </c>
      <c r="F866" s="46">
        <v>63.6</v>
      </c>
      <c r="G866" s="46">
        <v>11.8</v>
      </c>
      <c r="H866" s="47">
        <v>7.9</v>
      </c>
    </row>
    <row r="867" spans="1:25" ht="21.6" x14ac:dyDescent="0.2">
      <c r="B867" s="76"/>
      <c r="C867" s="39" t="s">
        <v>49</v>
      </c>
      <c r="D867" s="45">
        <v>223</v>
      </c>
      <c r="E867" s="46">
        <v>22</v>
      </c>
      <c r="F867" s="46">
        <v>61</v>
      </c>
      <c r="G867" s="46">
        <v>10.3</v>
      </c>
      <c r="H867" s="47">
        <v>6.7</v>
      </c>
    </row>
    <row r="868" spans="1:25" ht="21.6" x14ac:dyDescent="0.2">
      <c r="B868" s="76"/>
      <c r="C868" s="39" t="s">
        <v>50</v>
      </c>
      <c r="D868" s="45">
        <v>123</v>
      </c>
      <c r="E868" s="46">
        <v>26</v>
      </c>
      <c r="F868" s="46">
        <v>59.3</v>
      </c>
      <c r="G868" s="46">
        <v>8.9</v>
      </c>
      <c r="H868" s="47">
        <v>5.7</v>
      </c>
    </row>
    <row r="869" spans="1:25" ht="21.6" x14ac:dyDescent="0.2">
      <c r="B869" s="76"/>
      <c r="C869" s="39" t="s">
        <v>51</v>
      </c>
      <c r="D869" s="45">
        <v>124</v>
      </c>
      <c r="E869" s="46">
        <v>28.2</v>
      </c>
      <c r="F869" s="46">
        <v>55.6</v>
      </c>
      <c r="G869" s="46">
        <v>8.9</v>
      </c>
      <c r="H869" s="47">
        <v>7.3</v>
      </c>
    </row>
    <row r="870" spans="1:25" ht="21.6" x14ac:dyDescent="0.2">
      <c r="B870" s="76"/>
      <c r="C870" s="39" t="s">
        <v>52</v>
      </c>
      <c r="D870" s="45">
        <v>312</v>
      </c>
      <c r="E870" s="46">
        <v>9.9</v>
      </c>
      <c r="F870" s="46">
        <v>64.400000000000006</v>
      </c>
      <c r="G870" s="46">
        <v>12.5</v>
      </c>
      <c r="H870" s="47">
        <v>13.1</v>
      </c>
    </row>
    <row r="871" spans="1:25" x14ac:dyDescent="0.2">
      <c r="B871" s="76"/>
      <c r="C871" s="39" t="s">
        <v>53</v>
      </c>
      <c r="D871" s="45">
        <v>269</v>
      </c>
      <c r="E871" s="46">
        <v>13</v>
      </c>
      <c r="F871" s="46">
        <v>67.3</v>
      </c>
      <c r="G871" s="46">
        <v>9.6999999999999993</v>
      </c>
      <c r="H871" s="47">
        <v>10</v>
      </c>
    </row>
    <row r="872" spans="1:25" ht="21.6" x14ac:dyDescent="0.2">
      <c r="B872" s="76"/>
      <c r="C872" s="39" t="s">
        <v>54</v>
      </c>
      <c r="D872" s="45">
        <v>511</v>
      </c>
      <c r="E872" s="46">
        <v>20.5</v>
      </c>
      <c r="F872" s="46">
        <v>55.2</v>
      </c>
      <c r="G872" s="46">
        <v>15.1</v>
      </c>
      <c r="H872" s="47">
        <v>9.1999999999999993</v>
      </c>
    </row>
    <row r="873" spans="1:25" ht="21.6" x14ac:dyDescent="0.2">
      <c r="B873" s="76"/>
      <c r="C873" s="39" t="s">
        <v>55</v>
      </c>
      <c r="D873" s="45">
        <v>615</v>
      </c>
      <c r="E873" s="46">
        <v>22.1</v>
      </c>
      <c r="F873" s="46">
        <v>56.3</v>
      </c>
      <c r="G873" s="46">
        <v>10.9</v>
      </c>
      <c r="H873" s="47">
        <v>10.7</v>
      </c>
    </row>
    <row r="874" spans="1:25" ht="21.6" x14ac:dyDescent="0.2">
      <c r="B874" s="76"/>
      <c r="C874" s="39" t="s">
        <v>56</v>
      </c>
      <c r="D874" s="45">
        <v>800</v>
      </c>
      <c r="E874" s="46">
        <v>22.4</v>
      </c>
      <c r="F874" s="46">
        <v>53.5</v>
      </c>
      <c r="G874" s="46">
        <v>13</v>
      </c>
      <c r="H874" s="47">
        <v>11.1</v>
      </c>
    </row>
    <row r="875" spans="1:25" x14ac:dyDescent="0.2">
      <c r="B875" s="76"/>
      <c r="C875" s="40" t="s">
        <v>57</v>
      </c>
      <c r="D875" s="48">
        <v>798</v>
      </c>
      <c r="E875" s="49">
        <v>14.2</v>
      </c>
      <c r="F875" s="49">
        <v>64.8</v>
      </c>
      <c r="G875" s="49">
        <v>13</v>
      </c>
      <c r="H875" s="50">
        <v>8</v>
      </c>
    </row>
    <row r="877" spans="1:25" x14ac:dyDescent="0.2">
      <c r="C877" t="s">
        <v>35</v>
      </c>
    </row>
    <row r="878" spans="1:25" x14ac:dyDescent="0.2">
      <c r="B878" s="74" t="s">
        <v>194</v>
      </c>
      <c r="C878" s="75"/>
      <c r="D878" s="75"/>
      <c r="E878" s="75"/>
      <c r="F878" s="75"/>
      <c r="G878" s="75"/>
      <c r="H878" s="75"/>
      <c r="I878" s="75"/>
      <c r="J878" s="75"/>
      <c r="K878" s="75"/>
      <c r="L878" s="75"/>
      <c r="M878" s="75"/>
      <c r="N878" s="75"/>
      <c r="O878" s="75"/>
      <c r="P878" s="75"/>
      <c r="Q878" s="75"/>
      <c r="R878" s="75"/>
      <c r="S878" s="75"/>
      <c r="T878" s="75"/>
      <c r="U878" s="75"/>
      <c r="V878" s="75"/>
      <c r="W878" s="75"/>
      <c r="X878" s="75"/>
      <c r="Y878" s="75"/>
    </row>
    <row r="879" spans="1:25" s="32" customFormat="1" ht="36.450000000000003" customHeight="1" x14ac:dyDescent="0.15">
      <c r="A879" s="31"/>
      <c r="D879" s="33" t="s">
        <v>242</v>
      </c>
      <c r="E879" s="35" t="s">
        <v>277</v>
      </c>
      <c r="F879" s="36" t="s">
        <v>279</v>
      </c>
      <c r="G879" s="36" t="s">
        <v>282</v>
      </c>
      <c r="H879" s="37" t="s">
        <v>276</v>
      </c>
      <c r="I879" s="34" t="s">
        <v>251</v>
      </c>
    </row>
    <row r="880" spans="1:25" ht="21.6" x14ac:dyDescent="0.2">
      <c r="B880" s="76" t="s">
        <v>37</v>
      </c>
      <c r="C880" s="38" t="s">
        <v>58</v>
      </c>
      <c r="D880" s="51">
        <v>609</v>
      </c>
      <c r="E880" s="52">
        <v>23</v>
      </c>
      <c r="F880" s="52">
        <v>52.4</v>
      </c>
      <c r="G880" s="52">
        <v>12.5</v>
      </c>
      <c r="H880" s="53">
        <v>12.2</v>
      </c>
    </row>
    <row r="881" spans="2:8" ht="21.6" x14ac:dyDescent="0.2">
      <c r="B881" s="76"/>
      <c r="C881" s="39" t="s">
        <v>59</v>
      </c>
      <c r="D881" s="45">
        <v>1391</v>
      </c>
      <c r="E881" s="46">
        <v>13.4</v>
      </c>
      <c r="F881" s="46">
        <v>59.6</v>
      </c>
      <c r="G881" s="46">
        <v>12</v>
      </c>
      <c r="H881" s="47">
        <v>15</v>
      </c>
    </row>
    <row r="882" spans="2:8" x14ac:dyDescent="0.2">
      <c r="B882" s="76"/>
      <c r="C882" s="39" t="s">
        <v>60</v>
      </c>
      <c r="D882" s="45">
        <v>1325</v>
      </c>
      <c r="E882" s="46">
        <v>17.2</v>
      </c>
      <c r="F882" s="46">
        <v>56.3</v>
      </c>
      <c r="G882" s="46">
        <v>12.5</v>
      </c>
      <c r="H882" s="47">
        <v>14</v>
      </c>
    </row>
    <row r="883" spans="2:8" x14ac:dyDescent="0.2">
      <c r="B883" s="76"/>
      <c r="C883" s="39" t="s">
        <v>61</v>
      </c>
      <c r="D883" s="45">
        <v>675</v>
      </c>
      <c r="E883" s="46">
        <v>14.5</v>
      </c>
      <c r="F883" s="46">
        <v>59.6</v>
      </c>
      <c r="G883" s="46">
        <v>11.6</v>
      </c>
      <c r="H883" s="47">
        <v>14.4</v>
      </c>
    </row>
    <row r="884" spans="2:8" x14ac:dyDescent="0.2">
      <c r="B884" s="76"/>
      <c r="C884" s="39" t="s">
        <v>62</v>
      </c>
      <c r="D884" s="45">
        <v>1086</v>
      </c>
      <c r="E884" s="46">
        <v>17.399999999999999</v>
      </c>
      <c r="F884" s="46">
        <v>57.6</v>
      </c>
      <c r="G884" s="46">
        <v>13.7</v>
      </c>
      <c r="H884" s="47">
        <v>11.3</v>
      </c>
    </row>
    <row r="885" spans="2:8" ht="21.6" x14ac:dyDescent="0.2">
      <c r="B885" s="76"/>
      <c r="C885" s="39" t="s">
        <v>63</v>
      </c>
      <c r="D885" s="45">
        <v>203</v>
      </c>
      <c r="E885" s="46">
        <v>16.3</v>
      </c>
      <c r="F885" s="46">
        <v>56.2</v>
      </c>
      <c r="G885" s="46">
        <v>6.9</v>
      </c>
      <c r="H885" s="47">
        <v>20.7</v>
      </c>
    </row>
    <row r="886" spans="2:8" x14ac:dyDescent="0.2">
      <c r="B886" s="76"/>
      <c r="C886" s="39" t="s">
        <v>64</v>
      </c>
      <c r="D886" s="45">
        <v>263</v>
      </c>
      <c r="E886" s="46">
        <v>17.5</v>
      </c>
      <c r="F886" s="46">
        <v>57.8</v>
      </c>
      <c r="G886" s="46">
        <v>15.6</v>
      </c>
      <c r="H886" s="47">
        <v>9.1</v>
      </c>
    </row>
    <row r="887" spans="2:8" x14ac:dyDescent="0.2">
      <c r="B887" s="76"/>
      <c r="C887" s="39" t="s">
        <v>65</v>
      </c>
      <c r="D887" s="45">
        <v>312</v>
      </c>
      <c r="E887" s="46">
        <v>17.899999999999999</v>
      </c>
      <c r="F887" s="46">
        <v>56.4</v>
      </c>
      <c r="G887" s="46">
        <v>14.7</v>
      </c>
      <c r="H887" s="47">
        <v>10.9</v>
      </c>
    </row>
    <row r="888" spans="2:8" x14ac:dyDescent="0.2">
      <c r="B888" s="76"/>
      <c r="C888" s="39" t="s">
        <v>66</v>
      </c>
      <c r="D888" s="45">
        <v>230</v>
      </c>
      <c r="E888" s="46">
        <v>16.100000000000001</v>
      </c>
      <c r="F888" s="46">
        <v>58.3</v>
      </c>
      <c r="G888" s="46">
        <v>17</v>
      </c>
      <c r="H888" s="47">
        <v>8.6999999999999993</v>
      </c>
    </row>
    <row r="889" spans="2:8" x14ac:dyDescent="0.2">
      <c r="B889" s="76"/>
      <c r="C889" s="39" t="s">
        <v>67</v>
      </c>
      <c r="D889" s="45">
        <v>78</v>
      </c>
      <c r="E889" s="46">
        <v>21.8</v>
      </c>
      <c r="F889" s="46">
        <v>62.8</v>
      </c>
      <c r="G889" s="46">
        <v>11.5</v>
      </c>
      <c r="H889" s="47">
        <v>3.8</v>
      </c>
    </row>
    <row r="890" spans="2:8" x14ac:dyDescent="0.2">
      <c r="B890" s="76"/>
      <c r="C890" s="39" t="s">
        <v>68</v>
      </c>
      <c r="D890" s="45">
        <v>897</v>
      </c>
      <c r="E890" s="46">
        <v>18.7</v>
      </c>
      <c r="F890" s="46">
        <v>58</v>
      </c>
      <c r="G890" s="46">
        <v>14.6</v>
      </c>
      <c r="H890" s="47">
        <v>8.6999999999999993</v>
      </c>
    </row>
    <row r="891" spans="2:8" x14ac:dyDescent="0.2">
      <c r="B891" s="76"/>
      <c r="C891" s="39" t="s">
        <v>69</v>
      </c>
      <c r="D891" s="45">
        <v>189</v>
      </c>
      <c r="E891" s="46">
        <v>11.1</v>
      </c>
      <c r="F891" s="46">
        <v>55.6</v>
      </c>
      <c r="G891" s="46">
        <v>9.5</v>
      </c>
      <c r="H891" s="47">
        <v>23.8</v>
      </c>
    </row>
    <row r="892" spans="2:8" x14ac:dyDescent="0.2">
      <c r="B892" s="76"/>
      <c r="C892" s="39" t="s">
        <v>70</v>
      </c>
      <c r="D892" s="45">
        <v>914</v>
      </c>
      <c r="E892" s="46">
        <v>15</v>
      </c>
      <c r="F892" s="46">
        <v>57.2</v>
      </c>
      <c r="G892" s="46">
        <v>10.3</v>
      </c>
      <c r="H892" s="47">
        <v>17.5</v>
      </c>
    </row>
    <row r="893" spans="2:8" ht="21.6" x14ac:dyDescent="0.2">
      <c r="B893" s="76"/>
      <c r="C893" s="39" t="s">
        <v>63</v>
      </c>
      <c r="D893" s="45">
        <v>193</v>
      </c>
      <c r="E893" s="46">
        <v>21.2</v>
      </c>
      <c r="F893" s="46">
        <v>41.5</v>
      </c>
      <c r="G893" s="46">
        <v>7.8</v>
      </c>
      <c r="H893" s="47">
        <v>29.5</v>
      </c>
    </row>
    <row r="894" spans="2:8" x14ac:dyDescent="0.2">
      <c r="B894" s="76"/>
      <c r="C894" s="39" t="s">
        <v>64</v>
      </c>
      <c r="D894" s="45">
        <v>203</v>
      </c>
      <c r="E894" s="46">
        <v>17.2</v>
      </c>
      <c r="F894" s="46">
        <v>53.2</v>
      </c>
      <c r="G894" s="46">
        <v>12.8</v>
      </c>
      <c r="H894" s="47">
        <v>16.7</v>
      </c>
    </row>
    <row r="895" spans="2:8" x14ac:dyDescent="0.2">
      <c r="B895" s="76"/>
      <c r="C895" s="39" t="s">
        <v>65</v>
      </c>
      <c r="D895" s="45">
        <v>263</v>
      </c>
      <c r="E895" s="46">
        <v>12.9</v>
      </c>
      <c r="F895" s="46">
        <v>63.9</v>
      </c>
      <c r="G895" s="46">
        <v>8.6999999999999993</v>
      </c>
      <c r="H895" s="47">
        <v>14.4</v>
      </c>
    </row>
    <row r="896" spans="2:8" x14ac:dyDescent="0.2">
      <c r="B896" s="76"/>
      <c r="C896" s="39" t="s">
        <v>66</v>
      </c>
      <c r="D896" s="45">
        <v>194</v>
      </c>
      <c r="E896" s="46">
        <v>12.4</v>
      </c>
      <c r="F896" s="46">
        <v>62.9</v>
      </c>
      <c r="G896" s="46">
        <v>10.3</v>
      </c>
      <c r="H896" s="47">
        <v>14.4</v>
      </c>
    </row>
    <row r="897" spans="1:25" x14ac:dyDescent="0.2">
      <c r="B897" s="76"/>
      <c r="C897" s="39" t="s">
        <v>67</v>
      </c>
      <c r="D897" s="45">
        <v>61</v>
      </c>
      <c r="E897" s="46">
        <v>4.9000000000000004</v>
      </c>
      <c r="F897" s="46">
        <v>73.8</v>
      </c>
      <c r="G897" s="46">
        <v>16.399999999999999</v>
      </c>
      <c r="H897" s="47">
        <v>4.9000000000000004</v>
      </c>
    </row>
    <row r="898" spans="1:25" x14ac:dyDescent="0.2">
      <c r="B898" s="76"/>
      <c r="C898" s="39" t="s">
        <v>68</v>
      </c>
      <c r="D898" s="45">
        <v>416</v>
      </c>
      <c r="E898" s="46">
        <v>20.9</v>
      </c>
      <c r="F898" s="46">
        <v>56</v>
      </c>
      <c r="G898" s="46">
        <v>9.9</v>
      </c>
      <c r="H898" s="47">
        <v>13.2</v>
      </c>
    </row>
    <row r="899" spans="1:25" x14ac:dyDescent="0.2">
      <c r="B899" s="76"/>
      <c r="C899" s="40" t="s">
        <v>69</v>
      </c>
      <c r="D899" s="48">
        <v>498</v>
      </c>
      <c r="E899" s="49">
        <v>10</v>
      </c>
      <c r="F899" s="49">
        <v>58.2</v>
      </c>
      <c r="G899" s="49">
        <v>10.6</v>
      </c>
      <c r="H899" s="50">
        <v>21.1</v>
      </c>
    </row>
    <row r="901" spans="1:25" x14ac:dyDescent="0.2">
      <c r="A901" s="26" t="s">
        <v>25</v>
      </c>
      <c r="B901" t="s">
        <v>35</v>
      </c>
      <c r="C901" t="s">
        <v>35</v>
      </c>
    </row>
    <row r="902" spans="1:25" x14ac:dyDescent="0.2">
      <c r="B902" s="74" t="s">
        <v>99</v>
      </c>
      <c r="C902" s="75"/>
      <c r="D902" s="75"/>
      <c r="E902" s="75"/>
      <c r="F902" s="75"/>
      <c r="G902" s="75"/>
      <c r="H902" s="75"/>
      <c r="I902" s="75"/>
      <c r="J902" s="75"/>
      <c r="K902" s="75"/>
      <c r="L902" s="75"/>
      <c r="M902" s="75"/>
      <c r="N902" s="75"/>
      <c r="O902" s="75"/>
      <c r="P902" s="75"/>
      <c r="Q902" s="75"/>
      <c r="R902" s="75"/>
      <c r="S902" s="75"/>
      <c r="T902" s="75"/>
      <c r="U902" s="75"/>
      <c r="V902" s="75"/>
      <c r="W902" s="75"/>
      <c r="X902" s="75"/>
      <c r="Y902" s="75"/>
    </row>
    <row r="903" spans="1:25" s="32" customFormat="1" ht="36.450000000000003" customHeight="1" x14ac:dyDescent="0.15">
      <c r="A903" s="31"/>
      <c r="D903" s="33" t="s">
        <v>242</v>
      </c>
      <c r="E903" s="35" t="s">
        <v>283</v>
      </c>
      <c r="F903" s="36" t="s">
        <v>284</v>
      </c>
      <c r="G903" s="37" t="s">
        <v>276</v>
      </c>
      <c r="H903" s="34" t="s">
        <v>251</v>
      </c>
    </row>
    <row r="904" spans="1:25" x14ac:dyDescent="0.2">
      <c r="B904" s="5"/>
      <c r="C904" s="41" t="s">
        <v>38</v>
      </c>
      <c r="D904" s="42">
        <v>2000</v>
      </c>
      <c r="E904" s="43">
        <v>14.5</v>
      </c>
      <c r="F904" s="43">
        <v>58.7</v>
      </c>
      <c r="G904" s="44">
        <v>26.9</v>
      </c>
    </row>
    <row r="905" spans="1:25" x14ac:dyDescent="0.2">
      <c r="B905" s="76" t="s">
        <v>37</v>
      </c>
      <c r="C905" s="39" t="s">
        <v>39</v>
      </c>
      <c r="D905" s="45">
        <v>111</v>
      </c>
      <c r="E905" s="46">
        <v>14.4</v>
      </c>
      <c r="F905" s="46">
        <v>65.8</v>
      </c>
      <c r="G905" s="47">
        <v>19.8</v>
      </c>
    </row>
    <row r="906" spans="1:25" x14ac:dyDescent="0.2">
      <c r="B906" s="76"/>
      <c r="C906" s="39" t="s">
        <v>40</v>
      </c>
      <c r="D906" s="45">
        <v>450</v>
      </c>
      <c r="E906" s="46">
        <v>16.2</v>
      </c>
      <c r="F906" s="46">
        <v>61.1</v>
      </c>
      <c r="G906" s="47">
        <v>22.7</v>
      </c>
    </row>
    <row r="907" spans="1:25" ht="21.6" x14ac:dyDescent="0.2">
      <c r="B907" s="76"/>
      <c r="C907" s="39" t="s">
        <v>41</v>
      </c>
      <c r="D907" s="45">
        <v>30</v>
      </c>
      <c r="E907" s="46">
        <v>16.7</v>
      </c>
      <c r="F907" s="46">
        <v>50</v>
      </c>
      <c r="G907" s="47">
        <v>33.299999999999997</v>
      </c>
    </row>
    <row r="908" spans="1:25" ht="21.6" x14ac:dyDescent="0.2">
      <c r="B908" s="76"/>
      <c r="C908" s="39" t="s">
        <v>42</v>
      </c>
      <c r="D908" s="45">
        <v>336</v>
      </c>
      <c r="E908" s="46">
        <v>17.600000000000001</v>
      </c>
      <c r="F908" s="46">
        <v>51.5</v>
      </c>
      <c r="G908" s="47">
        <v>31</v>
      </c>
    </row>
    <row r="909" spans="1:25" ht="21.6" x14ac:dyDescent="0.2">
      <c r="B909" s="76"/>
      <c r="C909" s="39" t="s">
        <v>43</v>
      </c>
      <c r="D909" s="45">
        <v>327</v>
      </c>
      <c r="E909" s="46">
        <v>10.4</v>
      </c>
      <c r="F909" s="46">
        <v>58.1</v>
      </c>
      <c r="G909" s="47">
        <v>31.5</v>
      </c>
    </row>
    <row r="910" spans="1:25" ht="21.6" x14ac:dyDescent="0.2">
      <c r="B910" s="76"/>
      <c r="C910" s="39" t="s">
        <v>44</v>
      </c>
      <c r="D910" s="45">
        <v>181</v>
      </c>
      <c r="E910" s="46">
        <v>21</v>
      </c>
      <c r="F910" s="46">
        <v>55.2</v>
      </c>
      <c r="G910" s="47">
        <v>23.8</v>
      </c>
    </row>
    <row r="911" spans="1:25" ht="21.6" x14ac:dyDescent="0.2">
      <c r="B911" s="76"/>
      <c r="C911" s="39" t="s">
        <v>45</v>
      </c>
      <c r="D911" s="45">
        <v>565</v>
      </c>
      <c r="E911" s="46">
        <v>11.5</v>
      </c>
      <c r="F911" s="46">
        <v>61.4</v>
      </c>
      <c r="G911" s="47">
        <v>27.1</v>
      </c>
    </row>
    <row r="912" spans="1:25" ht="21.6" x14ac:dyDescent="0.2">
      <c r="B912" s="76"/>
      <c r="C912" s="39" t="s">
        <v>46</v>
      </c>
      <c r="D912" s="45">
        <v>473</v>
      </c>
      <c r="E912" s="46">
        <v>13.7</v>
      </c>
      <c r="F912" s="46">
        <v>58.1</v>
      </c>
      <c r="G912" s="47">
        <v>28.1</v>
      </c>
    </row>
    <row r="913" spans="2:25" ht="21.6" x14ac:dyDescent="0.2">
      <c r="B913" s="76"/>
      <c r="C913" s="39" t="s">
        <v>47</v>
      </c>
      <c r="D913" s="45">
        <v>441</v>
      </c>
      <c r="E913" s="46">
        <v>14.1</v>
      </c>
      <c r="F913" s="46">
        <v>64.400000000000006</v>
      </c>
      <c r="G913" s="47">
        <v>21.5</v>
      </c>
    </row>
    <row r="914" spans="2:25" ht="21.6" x14ac:dyDescent="0.2">
      <c r="B914" s="76"/>
      <c r="C914" s="39" t="s">
        <v>48</v>
      </c>
      <c r="D914" s="45">
        <v>305</v>
      </c>
      <c r="E914" s="46">
        <v>15.4</v>
      </c>
      <c r="F914" s="46">
        <v>59.7</v>
      </c>
      <c r="G914" s="47">
        <v>24.9</v>
      </c>
    </row>
    <row r="915" spans="2:25" ht="21.6" x14ac:dyDescent="0.2">
      <c r="B915" s="76"/>
      <c r="C915" s="39" t="s">
        <v>49</v>
      </c>
      <c r="D915" s="45">
        <v>223</v>
      </c>
      <c r="E915" s="46">
        <v>20.6</v>
      </c>
      <c r="F915" s="46">
        <v>59.6</v>
      </c>
      <c r="G915" s="47">
        <v>19.7</v>
      </c>
    </row>
    <row r="916" spans="2:25" ht="21.6" x14ac:dyDescent="0.2">
      <c r="B916" s="76"/>
      <c r="C916" s="39" t="s">
        <v>50</v>
      </c>
      <c r="D916" s="45">
        <v>123</v>
      </c>
      <c r="E916" s="46">
        <v>19.5</v>
      </c>
      <c r="F916" s="46">
        <v>58.5</v>
      </c>
      <c r="G916" s="47">
        <v>22</v>
      </c>
    </row>
    <row r="917" spans="2:25" ht="21.6" x14ac:dyDescent="0.2">
      <c r="B917" s="76"/>
      <c r="C917" s="39" t="s">
        <v>51</v>
      </c>
      <c r="D917" s="45">
        <v>124</v>
      </c>
      <c r="E917" s="46">
        <v>16.899999999999999</v>
      </c>
      <c r="F917" s="46">
        <v>54.8</v>
      </c>
      <c r="G917" s="47">
        <v>28.2</v>
      </c>
    </row>
    <row r="918" spans="2:25" ht="21.6" x14ac:dyDescent="0.2">
      <c r="B918" s="76"/>
      <c r="C918" s="39" t="s">
        <v>52</v>
      </c>
      <c r="D918" s="45">
        <v>312</v>
      </c>
      <c r="E918" s="46">
        <v>5.8</v>
      </c>
      <c r="F918" s="46">
        <v>76</v>
      </c>
      <c r="G918" s="47">
        <v>18.3</v>
      </c>
    </row>
    <row r="919" spans="2:25" x14ac:dyDescent="0.2">
      <c r="B919" s="76"/>
      <c r="C919" s="39" t="s">
        <v>53</v>
      </c>
      <c r="D919" s="45">
        <v>269</v>
      </c>
      <c r="E919" s="46">
        <v>10</v>
      </c>
      <c r="F919" s="46">
        <v>70.599999999999994</v>
      </c>
      <c r="G919" s="47">
        <v>19.3</v>
      </c>
    </row>
    <row r="920" spans="2:25" ht="21.6" x14ac:dyDescent="0.2">
      <c r="B920" s="76"/>
      <c r="C920" s="39" t="s">
        <v>54</v>
      </c>
      <c r="D920" s="45">
        <v>511</v>
      </c>
      <c r="E920" s="46">
        <v>17.8</v>
      </c>
      <c r="F920" s="46">
        <v>60.5</v>
      </c>
      <c r="G920" s="47">
        <v>21.7</v>
      </c>
    </row>
    <row r="921" spans="2:25" ht="21.6" x14ac:dyDescent="0.2">
      <c r="B921" s="76"/>
      <c r="C921" s="39" t="s">
        <v>55</v>
      </c>
      <c r="D921" s="45">
        <v>615</v>
      </c>
      <c r="E921" s="46">
        <v>22.1</v>
      </c>
      <c r="F921" s="46">
        <v>48</v>
      </c>
      <c r="G921" s="47">
        <v>29.9</v>
      </c>
    </row>
    <row r="922" spans="2:25" ht="21.6" x14ac:dyDescent="0.2">
      <c r="B922" s="76"/>
      <c r="C922" s="39" t="s">
        <v>56</v>
      </c>
      <c r="D922" s="45">
        <v>800</v>
      </c>
      <c r="E922" s="46">
        <v>23.8</v>
      </c>
      <c r="F922" s="46">
        <v>46.1</v>
      </c>
      <c r="G922" s="47">
        <v>30.1</v>
      </c>
    </row>
    <row r="923" spans="2:25" x14ac:dyDescent="0.2">
      <c r="B923" s="76"/>
      <c r="C923" s="40" t="s">
        <v>57</v>
      </c>
      <c r="D923" s="48">
        <v>798</v>
      </c>
      <c r="E923" s="49">
        <v>9.1</v>
      </c>
      <c r="F923" s="49">
        <v>75.3</v>
      </c>
      <c r="G923" s="50">
        <v>15.5</v>
      </c>
    </row>
    <row r="924" spans="2:25" x14ac:dyDescent="0.2">
      <c r="B924" s="7" t="s">
        <v>71</v>
      </c>
      <c r="C924" s="4" t="s">
        <v>100</v>
      </c>
    </row>
    <row r="925" spans="2:25" x14ac:dyDescent="0.2">
      <c r="B925" s="4"/>
      <c r="C925" s="4" t="s">
        <v>73</v>
      </c>
    </row>
    <row r="927" spans="2:25" x14ac:dyDescent="0.2">
      <c r="C927" t="s">
        <v>35</v>
      </c>
    </row>
    <row r="928" spans="2:25" x14ac:dyDescent="0.2">
      <c r="B928" s="74" t="s">
        <v>195</v>
      </c>
      <c r="C928" s="75"/>
      <c r="D928" s="75"/>
      <c r="E928" s="75"/>
      <c r="F928" s="75"/>
      <c r="G928" s="75"/>
      <c r="H928" s="75"/>
      <c r="I928" s="75"/>
      <c r="J928" s="75"/>
      <c r="K928" s="75"/>
      <c r="L928" s="75"/>
      <c r="M928" s="75"/>
      <c r="N928" s="75"/>
      <c r="O928" s="75"/>
      <c r="P928" s="75"/>
      <c r="Q928" s="75"/>
      <c r="R928" s="75"/>
      <c r="S928" s="75"/>
      <c r="T928" s="75"/>
      <c r="U928" s="75"/>
      <c r="V928" s="75"/>
      <c r="W928" s="75"/>
      <c r="X928" s="75"/>
      <c r="Y928" s="75"/>
    </row>
    <row r="929" spans="1:8" s="32" customFormat="1" ht="36.450000000000003" customHeight="1" x14ac:dyDescent="0.15">
      <c r="A929" s="31"/>
      <c r="D929" s="33" t="s">
        <v>242</v>
      </c>
      <c r="E929" s="35" t="s">
        <v>283</v>
      </c>
      <c r="F929" s="36" t="s">
        <v>284</v>
      </c>
      <c r="G929" s="37" t="s">
        <v>276</v>
      </c>
      <c r="H929" s="34" t="s">
        <v>251</v>
      </c>
    </row>
    <row r="930" spans="1:8" ht="21.6" x14ac:dyDescent="0.2">
      <c r="B930" s="76" t="s">
        <v>37</v>
      </c>
      <c r="C930" s="38" t="s">
        <v>58</v>
      </c>
      <c r="D930" s="51">
        <v>609</v>
      </c>
      <c r="E930" s="52">
        <v>23.6</v>
      </c>
      <c r="F930" s="52">
        <v>47.5</v>
      </c>
      <c r="G930" s="53">
        <v>28.9</v>
      </c>
    </row>
    <row r="931" spans="1:8" ht="21.6" x14ac:dyDescent="0.2">
      <c r="B931" s="76"/>
      <c r="C931" s="39" t="s">
        <v>59</v>
      </c>
      <c r="D931" s="45">
        <v>1391</v>
      </c>
      <c r="E931" s="46">
        <v>10.5</v>
      </c>
      <c r="F931" s="46">
        <v>63.6</v>
      </c>
      <c r="G931" s="47">
        <v>26</v>
      </c>
    </row>
    <row r="932" spans="1:8" x14ac:dyDescent="0.2">
      <c r="B932" s="76"/>
      <c r="C932" s="39" t="s">
        <v>60</v>
      </c>
      <c r="D932" s="45">
        <v>1325</v>
      </c>
      <c r="E932" s="46">
        <v>14.5</v>
      </c>
      <c r="F932" s="46">
        <v>57.1</v>
      </c>
      <c r="G932" s="47">
        <v>28.5</v>
      </c>
    </row>
    <row r="933" spans="1:8" x14ac:dyDescent="0.2">
      <c r="B933" s="76"/>
      <c r="C933" s="39" t="s">
        <v>61</v>
      </c>
      <c r="D933" s="45">
        <v>675</v>
      </c>
      <c r="E933" s="46">
        <v>14.5</v>
      </c>
      <c r="F933" s="46">
        <v>61.8</v>
      </c>
      <c r="G933" s="47">
        <v>23.7</v>
      </c>
    </row>
    <row r="934" spans="1:8" x14ac:dyDescent="0.2">
      <c r="B934" s="76"/>
      <c r="C934" s="39" t="s">
        <v>62</v>
      </c>
      <c r="D934" s="45">
        <v>1086</v>
      </c>
      <c r="E934" s="46">
        <v>15.8</v>
      </c>
      <c r="F934" s="46">
        <v>58.8</v>
      </c>
      <c r="G934" s="47">
        <v>25.3</v>
      </c>
    </row>
    <row r="935" spans="1:8" ht="21.6" x14ac:dyDescent="0.2">
      <c r="B935" s="76"/>
      <c r="C935" s="39" t="s">
        <v>63</v>
      </c>
      <c r="D935" s="45">
        <v>203</v>
      </c>
      <c r="E935" s="46">
        <v>16.3</v>
      </c>
      <c r="F935" s="46">
        <v>51.2</v>
      </c>
      <c r="G935" s="47">
        <v>32.5</v>
      </c>
    </row>
    <row r="936" spans="1:8" x14ac:dyDescent="0.2">
      <c r="B936" s="76"/>
      <c r="C936" s="39" t="s">
        <v>64</v>
      </c>
      <c r="D936" s="45">
        <v>263</v>
      </c>
      <c r="E936" s="46">
        <v>14.8</v>
      </c>
      <c r="F936" s="46">
        <v>57.8</v>
      </c>
      <c r="G936" s="47">
        <v>27.4</v>
      </c>
    </row>
    <row r="937" spans="1:8" x14ac:dyDescent="0.2">
      <c r="B937" s="76"/>
      <c r="C937" s="39" t="s">
        <v>65</v>
      </c>
      <c r="D937" s="45">
        <v>312</v>
      </c>
      <c r="E937" s="46">
        <v>14.7</v>
      </c>
      <c r="F937" s="46">
        <v>63.1</v>
      </c>
      <c r="G937" s="47">
        <v>22.1</v>
      </c>
    </row>
    <row r="938" spans="1:8" x14ac:dyDescent="0.2">
      <c r="B938" s="76"/>
      <c r="C938" s="39" t="s">
        <v>66</v>
      </c>
      <c r="D938" s="45">
        <v>230</v>
      </c>
      <c r="E938" s="46">
        <v>16.5</v>
      </c>
      <c r="F938" s="46">
        <v>59.1</v>
      </c>
      <c r="G938" s="47">
        <v>24.3</v>
      </c>
    </row>
    <row r="939" spans="1:8" x14ac:dyDescent="0.2">
      <c r="B939" s="76"/>
      <c r="C939" s="39" t="s">
        <v>67</v>
      </c>
      <c r="D939" s="45">
        <v>78</v>
      </c>
      <c r="E939" s="46">
        <v>20.5</v>
      </c>
      <c r="F939" s="46">
        <v>64.099999999999994</v>
      </c>
      <c r="G939" s="47">
        <v>15.4</v>
      </c>
    </row>
    <row r="940" spans="1:8" x14ac:dyDescent="0.2">
      <c r="B940" s="76"/>
      <c r="C940" s="39" t="s">
        <v>68</v>
      </c>
      <c r="D940" s="45">
        <v>897</v>
      </c>
      <c r="E940" s="46">
        <v>17.399999999999999</v>
      </c>
      <c r="F940" s="46">
        <v>57.9</v>
      </c>
      <c r="G940" s="47">
        <v>24.7</v>
      </c>
    </row>
    <row r="941" spans="1:8" x14ac:dyDescent="0.2">
      <c r="B941" s="76"/>
      <c r="C941" s="39" t="s">
        <v>69</v>
      </c>
      <c r="D941" s="45">
        <v>189</v>
      </c>
      <c r="E941" s="46">
        <v>8.5</v>
      </c>
      <c r="F941" s="46">
        <v>63.5</v>
      </c>
      <c r="G941" s="47">
        <v>28</v>
      </c>
    </row>
    <row r="942" spans="1:8" x14ac:dyDescent="0.2">
      <c r="B942" s="76"/>
      <c r="C942" s="39" t="s">
        <v>70</v>
      </c>
      <c r="D942" s="45">
        <v>914</v>
      </c>
      <c r="E942" s="46">
        <v>12.9</v>
      </c>
      <c r="F942" s="46">
        <v>58.4</v>
      </c>
      <c r="G942" s="47">
        <v>28.7</v>
      </c>
    </row>
    <row r="943" spans="1:8" ht="21.6" x14ac:dyDescent="0.2">
      <c r="B943" s="76"/>
      <c r="C943" s="39" t="s">
        <v>63</v>
      </c>
      <c r="D943" s="45">
        <v>193</v>
      </c>
      <c r="E943" s="46">
        <v>16.100000000000001</v>
      </c>
      <c r="F943" s="46">
        <v>43</v>
      </c>
      <c r="G943" s="47">
        <v>40.9</v>
      </c>
    </row>
    <row r="944" spans="1:8" x14ac:dyDescent="0.2">
      <c r="B944" s="76"/>
      <c r="C944" s="39" t="s">
        <v>64</v>
      </c>
      <c r="D944" s="45">
        <v>203</v>
      </c>
      <c r="E944" s="46">
        <v>13.8</v>
      </c>
      <c r="F944" s="46">
        <v>57.1</v>
      </c>
      <c r="G944" s="47">
        <v>29.1</v>
      </c>
    </row>
    <row r="945" spans="1:25" x14ac:dyDescent="0.2">
      <c r="B945" s="76"/>
      <c r="C945" s="39" t="s">
        <v>65</v>
      </c>
      <c r="D945" s="45">
        <v>263</v>
      </c>
      <c r="E945" s="46">
        <v>13.3</v>
      </c>
      <c r="F945" s="46">
        <v>63.9</v>
      </c>
      <c r="G945" s="47">
        <v>22.8</v>
      </c>
    </row>
    <row r="946" spans="1:25" x14ac:dyDescent="0.2">
      <c r="B946" s="76"/>
      <c r="C946" s="39" t="s">
        <v>66</v>
      </c>
      <c r="D946" s="45">
        <v>194</v>
      </c>
      <c r="E946" s="46">
        <v>7.7</v>
      </c>
      <c r="F946" s="46">
        <v>67</v>
      </c>
      <c r="G946" s="47">
        <v>25.3</v>
      </c>
    </row>
    <row r="947" spans="1:25" x14ac:dyDescent="0.2">
      <c r="B947" s="76"/>
      <c r="C947" s="39" t="s">
        <v>67</v>
      </c>
      <c r="D947" s="45">
        <v>61</v>
      </c>
      <c r="E947" s="46">
        <v>14.8</v>
      </c>
      <c r="F947" s="46">
        <v>60.7</v>
      </c>
      <c r="G947" s="47">
        <v>24.6</v>
      </c>
    </row>
    <row r="948" spans="1:25" x14ac:dyDescent="0.2">
      <c r="B948" s="76"/>
      <c r="C948" s="39" t="s">
        <v>68</v>
      </c>
      <c r="D948" s="45">
        <v>416</v>
      </c>
      <c r="E948" s="46">
        <v>14.9</v>
      </c>
      <c r="F948" s="46">
        <v>58.7</v>
      </c>
      <c r="G948" s="47">
        <v>26.4</v>
      </c>
    </row>
    <row r="949" spans="1:25" x14ac:dyDescent="0.2">
      <c r="B949" s="76"/>
      <c r="C949" s="40" t="s">
        <v>69</v>
      </c>
      <c r="D949" s="48">
        <v>498</v>
      </c>
      <c r="E949" s="49">
        <v>11.2</v>
      </c>
      <c r="F949" s="49">
        <v>58.2</v>
      </c>
      <c r="G949" s="50">
        <v>30.5</v>
      </c>
    </row>
    <row r="950" spans="1:25" x14ac:dyDescent="0.2">
      <c r="B950" s="7" t="s">
        <v>71</v>
      </c>
      <c r="C950" s="4" t="s">
        <v>100</v>
      </c>
    </row>
    <row r="951" spans="1:25" x14ac:dyDescent="0.2">
      <c r="B951" s="4"/>
      <c r="C951" s="4" t="s">
        <v>73</v>
      </c>
    </row>
    <row r="953" spans="1:25" x14ac:dyDescent="0.2">
      <c r="A953" s="26" t="s">
        <v>25</v>
      </c>
      <c r="B953" t="s">
        <v>35</v>
      </c>
      <c r="C953" t="s">
        <v>35</v>
      </c>
    </row>
    <row r="954" spans="1:25" x14ac:dyDescent="0.2">
      <c r="B954" s="74" t="s">
        <v>101</v>
      </c>
      <c r="C954" s="75"/>
      <c r="D954" s="75"/>
      <c r="E954" s="75"/>
      <c r="F954" s="75"/>
      <c r="G954" s="75"/>
      <c r="H954" s="75"/>
      <c r="I954" s="75"/>
      <c r="J954" s="75"/>
      <c r="K954" s="75"/>
      <c r="L954" s="75"/>
      <c r="M954" s="75"/>
      <c r="N954" s="75"/>
      <c r="O954" s="75"/>
      <c r="P954" s="75"/>
      <c r="Q954" s="75"/>
      <c r="R954" s="75"/>
      <c r="S954" s="75"/>
      <c r="T954" s="75"/>
      <c r="U954" s="75"/>
      <c r="V954" s="75"/>
      <c r="W954" s="75"/>
      <c r="X954" s="75"/>
      <c r="Y954" s="75"/>
    </row>
    <row r="955" spans="1:25" s="32" customFormat="1" ht="36.450000000000003" customHeight="1" x14ac:dyDescent="0.15">
      <c r="A955" s="31"/>
      <c r="D955" s="33" t="s">
        <v>242</v>
      </c>
      <c r="E955" s="35" t="s">
        <v>285</v>
      </c>
      <c r="F955" s="36" t="s">
        <v>279</v>
      </c>
      <c r="G955" s="36" t="s">
        <v>286</v>
      </c>
      <c r="H955" s="37" t="s">
        <v>276</v>
      </c>
      <c r="I955" s="34" t="s">
        <v>251</v>
      </c>
    </row>
    <row r="956" spans="1:25" x14ac:dyDescent="0.2">
      <c r="B956" s="5"/>
      <c r="C956" s="41" t="s">
        <v>38</v>
      </c>
      <c r="D956" s="42">
        <v>2000</v>
      </c>
      <c r="E956" s="43">
        <v>4.7</v>
      </c>
      <c r="F956" s="43">
        <v>63.8</v>
      </c>
      <c r="G956" s="43">
        <v>18.399999999999999</v>
      </c>
      <c r="H956" s="44">
        <v>13.2</v>
      </c>
    </row>
    <row r="957" spans="1:25" x14ac:dyDescent="0.2">
      <c r="B957" s="76" t="s">
        <v>37</v>
      </c>
      <c r="C957" s="39" t="s">
        <v>39</v>
      </c>
      <c r="D957" s="45">
        <v>111</v>
      </c>
      <c r="E957" s="46">
        <v>5.4</v>
      </c>
      <c r="F957" s="46">
        <v>67.599999999999994</v>
      </c>
      <c r="G957" s="46">
        <v>18.899999999999999</v>
      </c>
      <c r="H957" s="47">
        <v>8.1</v>
      </c>
    </row>
    <row r="958" spans="1:25" x14ac:dyDescent="0.2">
      <c r="B958" s="76"/>
      <c r="C958" s="39" t="s">
        <v>40</v>
      </c>
      <c r="D958" s="45">
        <v>450</v>
      </c>
      <c r="E958" s="46">
        <v>4.9000000000000004</v>
      </c>
      <c r="F958" s="46">
        <v>64.400000000000006</v>
      </c>
      <c r="G958" s="46">
        <v>20.2</v>
      </c>
      <c r="H958" s="47">
        <v>10.4</v>
      </c>
    </row>
    <row r="959" spans="1:25" ht="21.6" x14ac:dyDescent="0.2">
      <c r="B959" s="76"/>
      <c r="C959" s="39" t="s">
        <v>41</v>
      </c>
      <c r="D959" s="45">
        <v>30</v>
      </c>
      <c r="E959" s="46">
        <v>0</v>
      </c>
      <c r="F959" s="46">
        <v>70</v>
      </c>
      <c r="G959" s="46">
        <v>13.3</v>
      </c>
      <c r="H959" s="47">
        <v>16.7</v>
      </c>
    </row>
    <row r="960" spans="1:25" ht="21.6" x14ac:dyDescent="0.2">
      <c r="B960" s="76"/>
      <c r="C960" s="39" t="s">
        <v>42</v>
      </c>
      <c r="D960" s="45">
        <v>336</v>
      </c>
      <c r="E960" s="46">
        <v>3.3</v>
      </c>
      <c r="F960" s="46">
        <v>62.8</v>
      </c>
      <c r="G960" s="46">
        <v>19</v>
      </c>
      <c r="H960" s="47">
        <v>14.9</v>
      </c>
    </row>
    <row r="961" spans="2:8" ht="21.6" x14ac:dyDescent="0.2">
      <c r="B961" s="76"/>
      <c r="C961" s="39" t="s">
        <v>43</v>
      </c>
      <c r="D961" s="45">
        <v>327</v>
      </c>
      <c r="E961" s="46">
        <v>5.8</v>
      </c>
      <c r="F961" s="46">
        <v>61.8</v>
      </c>
      <c r="G961" s="46">
        <v>17.399999999999999</v>
      </c>
      <c r="H961" s="47">
        <v>15</v>
      </c>
    </row>
    <row r="962" spans="2:8" ht="21.6" x14ac:dyDescent="0.2">
      <c r="B962" s="76"/>
      <c r="C962" s="39" t="s">
        <v>44</v>
      </c>
      <c r="D962" s="45">
        <v>181</v>
      </c>
      <c r="E962" s="46">
        <v>6.1</v>
      </c>
      <c r="F962" s="46">
        <v>64.599999999999994</v>
      </c>
      <c r="G962" s="46">
        <v>18.8</v>
      </c>
      <c r="H962" s="47">
        <v>10.5</v>
      </c>
    </row>
    <row r="963" spans="2:8" ht="21.6" x14ac:dyDescent="0.2">
      <c r="B963" s="76"/>
      <c r="C963" s="39" t="s">
        <v>45</v>
      </c>
      <c r="D963" s="45">
        <v>565</v>
      </c>
      <c r="E963" s="46">
        <v>4.4000000000000004</v>
      </c>
      <c r="F963" s="46">
        <v>63.7</v>
      </c>
      <c r="G963" s="46">
        <v>17</v>
      </c>
      <c r="H963" s="47">
        <v>14.9</v>
      </c>
    </row>
    <row r="964" spans="2:8" ht="21.6" x14ac:dyDescent="0.2">
      <c r="B964" s="76"/>
      <c r="C964" s="39" t="s">
        <v>46</v>
      </c>
      <c r="D964" s="45">
        <v>473</v>
      </c>
      <c r="E964" s="46">
        <v>5.3</v>
      </c>
      <c r="F964" s="46">
        <v>57.9</v>
      </c>
      <c r="G964" s="46">
        <v>21.1</v>
      </c>
      <c r="H964" s="47">
        <v>15.6</v>
      </c>
    </row>
    <row r="965" spans="2:8" ht="21.6" x14ac:dyDescent="0.2">
      <c r="B965" s="76"/>
      <c r="C965" s="39" t="s">
        <v>47</v>
      </c>
      <c r="D965" s="45">
        <v>441</v>
      </c>
      <c r="E965" s="46">
        <v>4.8</v>
      </c>
      <c r="F965" s="46">
        <v>68.3</v>
      </c>
      <c r="G965" s="46">
        <v>18.8</v>
      </c>
      <c r="H965" s="47">
        <v>8.1999999999999993</v>
      </c>
    </row>
    <row r="966" spans="2:8" ht="21.6" x14ac:dyDescent="0.2">
      <c r="B966" s="76"/>
      <c r="C966" s="39" t="s">
        <v>48</v>
      </c>
      <c r="D966" s="45">
        <v>305</v>
      </c>
      <c r="E966" s="46">
        <v>4.9000000000000004</v>
      </c>
      <c r="F966" s="46">
        <v>66.900000000000006</v>
      </c>
      <c r="G966" s="46">
        <v>19</v>
      </c>
      <c r="H966" s="47">
        <v>9.1999999999999993</v>
      </c>
    </row>
    <row r="967" spans="2:8" ht="21.6" x14ac:dyDescent="0.2">
      <c r="B967" s="76"/>
      <c r="C967" s="39" t="s">
        <v>49</v>
      </c>
      <c r="D967" s="45">
        <v>223</v>
      </c>
      <c r="E967" s="46">
        <v>4.5</v>
      </c>
      <c r="F967" s="46">
        <v>70.400000000000006</v>
      </c>
      <c r="G967" s="46">
        <v>17.5</v>
      </c>
      <c r="H967" s="47">
        <v>7.6</v>
      </c>
    </row>
    <row r="968" spans="2:8" ht="21.6" x14ac:dyDescent="0.2">
      <c r="B968" s="76"/>
      <c r="C968" s="39" t="s">
        <v>50</v>
      </c>
      <c r="D968" s="45">
        <v>123</v>
      </c>
      <c r="E968" s="46">
        <v>5.7</v>
      </c>
      <c r="F968" s="46">
        <v>71.5</v>
      </c>
      <c r="G968" s="46">
        <v>13.8</v>
      </c>
      <c r="H968" s="47">
        <v>8.9</v>
      </c>
    </row>
    <row r="969" spans="2:8" ht="21.6" x14ac:dyDescent="0.2">
      <c r="B969" s="76"/>
      <c r="C969" s="39" t="s">
        <v>51</v>
      </c>
      <c r="D969" s="45">
        <v>124</v>
      </c>
      <c r="E969" s="46">
        <v>5.6</v>
      </c>
      <c r="F969" s="46">
        <v>70.2</v>
      </c>
      <c r="G969" s="46">
        <v>14.5</v>
      </c>
      <c r="H969" s="47">
        <v>9.6999999999999993</v>
      </c>
    </row>
    <row r="970" spans="2:8" ht="21.6" x14ac:dyDescent="0.2">
      <c r="B970" s="76"/>
      <c r="C970" s="39" t="s">
        <v>52</v>
      </c>
      <c r="D970" s="45">
        <v>312</v>
      </c>
      <c r="E970" s="46">
        <v>4.8</v>
      </c>
      <c r="F970" s="46">
        <v>66.3</v>
      </c>
      <c r="G970" s="46">
        <v>17.600000000000001</v>
      </c>
      <c r="H970" s="47">
        <v>11.2</v>
      </c>
    </row>
    <row r="971" spans="2:8" x14ac:dyDescent="0.2">
      <c r="B971" s="76"/>
      <c r="C971" s="39" t="s">
        <v>53</v>
      </c>
      <c r="D971" s="45">
        <v>269</v>
      </c>
      <c r="E971" s="46">
        <v>5.2</v>
      </c>
      <c r="F971" s="46">
        <v>63.9</v>
      </c>
      <c r="G971" s="46">
        <v>18.600000000000001</v>
      </c>
      <c r="H971" s="47">
        <v>12.3</v>
      </c>
    </row>
    <row r="972" spans="2:8" ht="21.6" x14ac:dyDescent="0.2">
      <c r="B972" s="76"/>
      <c r="C972" s="39" t="s">
        <v>54</v>
      </c>
      <c r="D972" s="45">
        <v>511</v>
      </c>
      <c r="E972" s="46">
        <v>5.3</v>
      </c>
      <c r="F972" s="46">
        <v>62.8</v>
      </c>
      <c r="G972" s="46">
        <v>22.9</v>
      </c>
      <c r="H972" s="47">
        <v>9</v>
      </c>
    </row>
    <row r="973" spans="2:8" ht="21.6" x14ac:dyDescent="0.2">
      <c r="B973" s="76"/>
      <c r="C973" s="39" t="s">
        <v>55</v>
      </c>
      <c r="D973" s="45">
        <v>615</v>
      </c>
      <c r="E973" s="46">
        <v>4.2</v>
      </c>
      <c r="F973" s="46">
        <v>68.5</v>
      </c>
      <c r="G973" s="46">
        <v>16.600000000000001</v>
      </c>
      <c r="H973" s="47">
        <v>10.7</v>
      </c>
    </row>
    <row r="974" spans="2:8" ht="21.6" x14ac:dyDescent="0.2">
      <c r="B974" s="76"/>
      <c r="C974" s="39" t="s">
        <v>56</v>
      </c>
      <c r="D974" s="45">
        <v>800</v>
      </c>
      <c r="E974" s="46">
        <v>5.5</v>
      </c>
      <c r="F974" s="46">
        <v>64.8</v>
      </c>
      <c r="G974" s="46">
        <v>18.5</v>
      </c>
      <c r="H974" s="47">
        <v>11.3</v>
      </c>
    </row>
    <row r="975" spans="2:8" x14ac:dyDescent="0.2">
      <c r="B975" s="76"/>
      <c r="C975" s="40" t="s">
        <v>57</v>
      </c>
      <c r="D975" s="48">
        <v>798</v>
      </c>
      <c r="E975" s="49">
        <v>3.6</v>
      </c>
      <c r="F975" s="49">
        <v>67.400000000000006</v>
      </c>
      <c r="G975" s="49">
        <v>20.399999999999999</v>
      </c>
      <c r="H975" s="50">
        <v>8.5</v>
      </c>
    </row>
    <row r="976" spans="2:8" x14ac:dyDescent="0.2">
      <c r="B976" s="7" t="s">
        <v>71</v>
      </c>
      <c r="C976" s="4" t="s">
        <v>102</v>
      </c>
    </row>
    <row r="977" spans="1:25" x14ac:dyDescent="0.2">
      <c r="B977" s="4"/>
      <c r="C977" s="4" t="s">
        <v>73</v>
      </c>
    </row>
    <row r="979" spans="1:25" x14ac:dyDescent="0.2">
      <c r="C979" t="s">
        <v>35</v>
      </c>
    </row>
    <row r="980" spans="1:25" x14ac:dyDescent="0.2">
      <c r="B980" s="74" t="s">
        <v>196</v>
      </c>
      <c r="C980" s="75"/>
      <c r="D980" s="75"/>
      <c r="E980" s="75"/>
      <c r="F980" s="75"/>
      <c r="G980" s="75"/>
      <c r="H980" s="75"/>
      <c r="I980" s="75"/>
      <c r="J980" s="75"/>
      <c r="K980" s="75"/>
      <c r="L980" s="75"/>
      <c r="M980" s="75"/>
      <c r="N980" s="75"/>
      <c r="O980" s="75"/>
      <c r="P980" s="75"/>
      <c r="Q980" s="75"/>
      <c r="R980" s="75"/>
      <c r="S980" s="75"/>
      <c r="T980" s="75"/>
      <c r="U980" s="75"/>
      <c r="V980" s="75"/>
      <c r="W980" s="75"/>
      <c r="X980" s="75"/>
      <c r="Y980" s="75"/>
    </row>
    <row r="981" spans="1:25" s="32" customFormat="1" ht="36.450000000000003" customHeight="1" x14ac:dyDescent="0.15">
      <c r="A981" s="31"/>
      <c r="D981" s="33" t="s">
        <v>242</v>
      </c>
      <c r="E981" s="35" t="s">
        <v>285</v>
      </c>
      <c r="F981" s="36" t="s">
        <v>279</v>
      </c>
      <c r="G981" s="36" t="s">
        <v>286</v>
      </c>
      <c r="H981" s="37" t="s">
        <v>276</v>
      </c>
      <c r="I981" s="34" t="s">
        <v>251</v>
      </c>
    </row>
    <row r="982" spans="1:25" ht="21.6" x14ac:dyDescent="0.2">
      <c r="B982" s="76" t="s">
        <v>37</v>
      </c>
      <c r="C982" s="38" t="s">
        <v>58</v>
      </c>
      <c r="D982" s="51">
        <v>609</v>
      </c>
      <c r="E982" s="52">
        <v>6.4</v>
      </c>
      <c r="F982" s="52">
        <v>63.2</v>
      </c>
      <c r="G982" s="52">
        <v>18.600000000000001</v>
      </c>
      <c r="H982" s="53">
        <v>11.8</v>
      </c>
    </row>
    <row r="983" spans="1:25" ht="21.6" x14ac:dyDescent="0.2">
      <c r="B983" s="76"/>
      <c r="C983" s="39" t="s">
        <v>59</v>
      </c>
      <c r="D983" s="45">
        <v>1391</v>
      </c>
      <c r="E983" s="46">
        <v>4</v>
      </c>
      <c r="F983" s="46">
        <v>64.099999999999994</v>
      </c>
      <c r="G983" s="46">
        <v>18.3</v>
      </c>
      <c r="H983" s="47">
        <v>13.7</v>
      </c>
    </row>
    <row r="984" spans="1:25" x14ac:dyDescent="0.2">
      <c r="B984" s="76"/>
      <c r="C984" s="39" t="s">
        <v>60</v>
      </c>
      <c r="D984" s="45">
        <v>1325</v>
      </c>
      <c r="E984" s="46">
        <v>5.0999999999999996</v>
      </c>
      <c r="F984" s="46">
        <v>63.2</v>
      </c>
      <c r="G984" s="46">
        <v>18</v>
      </c>
      <c r="H984" s="47">
        <v>13.7</v>
      </c>
    </row>
    <row r="985" spans="1:25" x14ac:dyDescent="0.2">
      <c r="B985" s="76"/>
      <c r="C985" s="39" t="s">
        <v>61</v>
      </c>
      <c r="D985" s="45">
        <v>675</v>
      </c>
      <c r="E985" s="46">
        <v>4</v>
      </c>
      <c r="F985" s="46">
        <v>64.900000000000006</v>
      </c>
      <c r="G985" s="46">
        <v>19</v>
      </c>
      <c r="H985" s="47">
        <v>12.1</v>
      </c>
    </row>
    <row r="986" spans="1:25" x14ac:dyDescent="0.2">
      <c r="B986" s="76"/>
      <c r="C986" s="39" t="s">
        <v>62</v>
      </c>
      <c r="D986" s="45">
        <v>1086</v>
      </c>
      <c r="E986" s="46">
        <v>4.4000000000000004</v>
      </c>
      <c r="F986" s="46">
        <v>65</v>
      </c>
      <c r="G986" s="46">
        <v>19</v>
      </c>
      <c r="H986" s="47">
        <v>11.6</v>
      </c>
    </row>
    <row r="987" spans="1:25" ht="21.6" x14ac:dyDescent="0.2">
      <c r="B987" s="76"/>
      <c r="C987" s="39" t="s">
        <v>63</v>
      </c>
      <c r="D987" s="45">
        <v>203</v>
      </c>
      <c r="E987" s="46">
        <v>6.4</v>
      </c>
      <c r="F987" s="46">
        <v>64</v>
      </c>
      <c r="G987" s="46">
        <v>9.9</v>
      </c>
      <c r="H987" s="47">
        <v>19.7</v>
      </c>
    </row>
    <row r="988" spans="1:25" x14ac:dyDescent="0.2">
      <c r="B988" s="76"/>
      <c r="C988" s="39" t="s">
        <v>64</v>
      </c>
      <c r="D988" s="45">
        <v>263</v>
      </c>
      <c r="E988" s="46">
        <v>4.9000000000000004</v>
      </c>
      <c r="F988" s="46">
        <v>66.900000000000006</v>
      </c>
      <c r="G988" s="46">
        <v>18.600000000000001</v>
      </c>
      <c r="H988" s="47">
        <v>9.5</v>
      </c>
    </row>
    <row r="989" spans="1:25" x14ac:dyDescent="0.2">
      <c r="B989" s="76"/>
      <c r="C989" s="39" t="s">
        <v>65</v>
      </c>
      <c r="D989" s="45">
        <v>312</v>
      </c>
      <c r="E989" s="46">
        <v>5.8</v>
      </c>
      <c r="F989" s="46">
        <v>61.9</v>
      </c>
      <c r="G989" s="46">
        <v>22.1</v>
      </c>
      <c r="H989" s="47">
        <v>10.3</v>
      </c>
    </row>
    <row r="990" spans="1:25" x14ac:dyDescent="0.2">
      <c r="B990" s="76"/>
      <c r="C990" s="39" t="s">
        <v>66</v>
      </c>
      <c r="D990" s="45">
        <v>230</v>
      </c>
      <c r="E990" s="46">
        <v>0.9</v>
      </c>
      <c r="F990" s="46">
        <v>64.3</v>
      </c>
      <c r="G990" s="46">
        <v>23.5</v>
      </c>
      <c r="H990" s="47">
        <v>11.3</v>
      </c>
    </row>
    <row r="991" spans="1:25" x14ac:dyDescent="0.2">
      <c r="B991" s="76"/>
      <c r="C991" s="39" t="s">
        <v>67</v>
      </c>
      <c r="D991" s="45">
        <v>78</v>
      </c>
      <c r="E991" s="46">
        <v>2.6</v>
      </c>
      <c r="F991" s="46">
        <v>75.599999999999994</v>
      </c>
      <c r="G991" s="46">
        <v>17.899999999999999</v>
      </c>
      <c r="H991" s="47">
        <v>3.8</v>
      </c>
    </row>
    <row r="992" spans="1:25" x14ac:dyDescent="0.2">
      <c r="B992" s="76"/>
      <c r="C992" s="39" t="s">
        <v>68</v>
      </c>
      <c r="D992" s="45">
        <v>897</v>
      </c>
      <c r="E992" s="46">
        <v>4.3</v>
      </c>
      <c r="F992" s="46">
        <v>65.2</v>
      </c>
      <c r="G992" s="46">
        <v>19.5</v>
      </c>
      <c r="H992" s="47">
        <v>10.9</v>
      </c>
    </row>
    <row r="993" spans="1:25" x14ac:dyDescent="0.2">
      <c r="B993" s="76"/>
      <c r="C993" s="39" t="s">
        <v>69</v>
      </c>
      <c r="D993" s="45">
        <v>189</v>
      </c>
      <c r="E993" s="46">
        <v>4.8</v>
      </c>
      <c r="F993" s="46">
        <v>64</v>
      </c>
      <c r="G993" s="46">
        <v>16.399999999999999</v>
      </c>
      <c r="H993" s="47">
        <v>14.8</v>
      </c>
    </row>
    <row r="994" spans="1:25" x14ac:dyDescent="0.2">
      <c r="B994" s="76"/>
      <c r="C994" s="39" t="s">
        <v>70</v>
      </c>
      <c r="D994" s="45">
        <v>914</v>
      </c>
      <c r="E994" s="46">
        <v>5</v>
      </c>
      <c r="F994" s="46">
        <v>62.4</v>
      </c>
      <c r="G994" s="46">
        <v>17.600000000000001</v>
      </c>
      <c r="H994" s="47">
        <v>15</v>
      </c>
    </row>
    <row r="995" spans="1:25" ht="21.6" x14ac:dyDescent="0.2">
      <c r="B995" s="76"/>
      <c r="C995" s="39" t="s">
        <v>63</v>
      </c>
      <c r="D995" s="45">
        <v>193</v>
      </c>
      <c r="E995" s="46">
        <v>7.8</v>
      </c>
      <c r="F995" s="46">
        <v>56</v>
      </c>
      <c r="G995" s="46">
        <v>10.4</v>
      </c>
      <c r="H995" s="47">
        <v>25.9</v>
      </c>
    </row>
    <row r="996" spans="1:25" x14ac:dyDescent="0.2">
      <c r="B996" s="76"/>
      <c r="C996" s="39" t="s">
        <v>64</v>
      </c>
      <c r="D996" s="45">
        <v>203</v>
      </c>
      <c r="E996" s="46">
        <v>6.9</v>
      </c>
      <c r="F996" s="46">
        <v>56.2</v>
      </c>
      <c r="G996" s="46">
        <v>21.2</v>
      </c>
      <c r="H996" s="47">
        <v>15.8</v>
      </c>
    </row>
    <row r="997" spans="1:25" x14ac:dyDescent="0.2">
      <c r="B997" s="76"/>
      <c r="C997" s="39" t="s">
        <v>65</v>
      </c>
      <c r="D997" s="45">
        <v>263</v>
      </c>
      <c r="E997" s="46">
        <v>3</v>
      </c>
      <c r="F997" s="46">
        <v>66.900000000000006</v>
      </c>
      <c r="G997" s="46">
        <v>19.399999999999999</v>
      </c>
      <c r="H997" s="47">
        <v>10.6</v>
      </c>
    </row>
    <row r="998" spans="1:25" x14ac:dyDescent="0.2">
      <c r="B998" s="76"/>
      <c r="C998" s="39" t="s">
        <v>66</v>
      </c>
      <c r="D998" s="45">
        <v>194</v>
      </c>
      <c r="E998" s="46">
        <v>3.1</v>
      </c>
      <c r="F998" s="46">
        <v>68.599999999999994</v>
      </c>
      <c r="G998" s="46">
        <v>17</v>
      </c>
      <c r="H998" s="47">
        <v>11.3</v>
      </c>
    </row>
    <row r="999" spans="1:25" x14ac:dyDescent="0.2">
      <c r="B999" s="76"/>
      <c r="C999" s="39" t="s">
        <v>67</v>
      </c>
      <c r="D999" s="45">
        <v>61</v>
      </c>
      <c r="E999" s="46">
        <v>4.9000000000000004</v>
      </c>
      <c r="F999" s="46">
        <v>63.9</v>
      </c>
      <c r="G999" s="46">
        <v>23</v>
      </c>
      <c r="H999" s="47">
        <v>8.1999999999999993</v>
      </c>
    </row>
    <row r="1000" spans="1:25" x14ac:dyDescent="0.2">
      <c r="B1000" s="76"/>
      <c r="C1000" s="39" t="s">
        <v>68</v>
      </c>
      <c r="D1000" s="45">
        <v>416</v>
      </c>
      <c r="E1000" s="46">
        <v>5</v>
      </c>
      <c r="F1000" s="46">
        <v>63.5</v>
      </c>
      <c r="G1000" s="46">
        <v>16.600000000000001</v>
      </c>
      <c r="H1000" s="47">
        <v>14.9</v>
      </c>
    </row>
    <row r="1001" spans="1:25" x14ac:dyDescent="0.2">
      <c r="B1001" s="76"/>
      <c r="C1001" s="40" t="s">
        <v>69</v>
      </c>
      <c r="D1001" s="48">
        <v>498</v>
      </c>
      <c r="E1001" s="49">
        <v>5</v>
      </c>
      <c r="F1001" s="49">
        <v>61.4</v>
      </c>
      <c r="G1001" s="49">
        <v>18.5</v>
      </c>
      <c r="H1001" s="50">
        <v>15.1</v>
      </c>
    </row>
    <row r="1002" spans="1:25" x14ac:dyDescent="0.2">
      <c r="B1002" s="7" t="s">
        <v>71</v>
      </c>
      <c r="C1002" s="4" t="s">
        <v>102</v>
      </c>
    </row>
    <row r="1003" spans="1:25" x14ac:dyDescent="0.2">
      <c r="B1003" s="4"/>
      <c r="C1003" s="4" t="s">
        <v>73</v>
      </c>
    </row>
    <row r="1005" spans="1:25" x14ac:dyDescent="0.2">
      <c r="A1005" s="26" t="s">
        <v>25</v>
      </c>
      <c r="B1005" t="s">
        <v>35</v>
      </c>
      <c r="C1005" t="s">
        <v>35</v>
      </c>
    </row>
    <row r="1006" spans="1:25" x14ac:dyDescent="0.2">
      <c r="B1006" s="74" t="s">
        <v>103</v>
      </c>
      <c r="C1006" s="75"/>
      <c r="D1006" s="75"/>
      <c r="E1006" s="75"/>
      <c r="F1006" s="75"/>
      <c r="G1006" s="75"/>
      <c r="H1006" s="75"/>
      <c r="I1006" s="75"/>
      <c r="J1006" s="75"/>
      <c r="K1006" s="75"/>
      <c r="L1006" s="75"/>
      <c r="M1006" s="75"/>
      <c r="N1006" s="75"/>
      <c r="O1006" s="75"/>
      <c r="P1006" s="75"/>
      <c r="Q1006" s="75"/>
      <c r="R1006" s="75"/>
      <c r="S1006" s="75"/>
      <c r="T1006" s="75"/>
      <c r="U1006" s="75"/>
      <c r="V1006" s="75"/>
      <c r="W1006" s="75"/>
      <c r="X1006" s="75"/>
      <c r="Y1006" s="75"/>
    </row>
    <row r="1007" spans="1:25" s="32" customFormat="1" ht="36.450000000000003" customHeight="1" x14ac:dyDescent="0.15">
      <c r="A1007" s="31"/>
      <c r="D1007" s="33" t="s">
        <v>242</v>
      </c>
      <c r="E1007" s="35" t="s">
        <v>285</v>
      </c>
      <c r="F1007" s="36" t="s">
        <v>279</v>
      </c>
      <c r="G1007" s="36" t="s">
        <v>286</v>
      </c>
      <c r="H1007" s="37" t="s">
        <v>276</v>
      </c>
      <c r="I1007" s="34" t="s">
        <v>251</v>
      </c>
    </row>
    <row r="1008" spans="1:25" x14ac:dyDescent="0.2">
      <c r="B1008" s="5"/>
      <c r="C1008" s="41" t="s">
        <v>38</v>
      </c>
      <c r="D1008" s="42">
        <v>2000</v>
      </c>
      <c r="E1008" s="43">
        <v>15.6</v>
      </c>
      <c r="F1008" s="43">
        <v>62.4</v>
      </c>
      <c r="G1008" s="43">
        <v>9.5</v>
      </c>
      <c r="H1008" s="44">
        <v>12.7</v>
      </c>
    </row>
    <row r="1009" spans="2:8" x14ac:dyDescent="0.2">
      <c r="B1009" s="76" t="s">
        <v>37</v>
      </c>
      <c r="C1009" s="39" t="s">
        <v>39</v>
      </c>
      <c r="D1009" s="45">
        <v>111</v>
      </c>
      <c r="E1009" s="46">
        <v>17.100000000000001</v>
      </c>
      <c r="F1009" s="46">
        <v>62.2</v>
      </c>
      <c r="G1009" s="46">
        <v>12.6</v>
      </c>
      <c r="H1009" s="47">
        <v>8.1</v>
      </c>
    </row>
    <row r="1010" spans="2:8" x14ac:dyDescent="0.2">
      <c r="B1010" s="76"/>
      <c r="C1010" s="39" t="s">
        <v>40</v>
      </c>
      <c r="D1010" s="45">
        <v>450</v>
      </c>
      <c r="E1010" s="46">
        <v>13.1</v>
      </c>
      <c r="F1010" s="46">
        <v>66.2</v>
      </c>
      <c r="G1010" s="46">
        <v>10.4</v>
      </c>
      <c r="H1010" s="47">
        <v>10.199999999999999</v>
      </c>
    </row>
    <row r="1011" spans="2:8" ht="21.6" x14ac:dyDescent="0.2">
      <c r="B1011" s="76"/>
      <c r="C1011" s="39" t="s">
        <v>41</v>
      </c>
      <c r="D1011" s="45">
        <v>30</v>
      </c>
      <c r="E1011" s="46">
        <v>10</v>
      </c>
      <c r="F1011" s="46">
        <v>66.7</v>
      </c>
      <c r="G1011" s="46">
        <v>6.7</v>
      </c>
      <c r="H1011" s="47">
        <v>16.7</v>
      </c>
    </row>
    <row r="1012" spans="2:8" ht="21.6" x14ac:dyDescent="0.2">
      <c r="B1012" s="76"/>
      <c r="C1012" s="39" t="s">
        <v>42</v>
      </c>
      <c r="D1012" s="45">
        <v>336</v>
      </c>
      <c r="E1012" s="46">
        <v>18.5</v>
      </c>
      <c r="F1012" s="46">
        <v>58.3</v>
      </c>
      <c r="G1012" s="46">
        <v>9.8000000000000007</v>
      </c>
      <c r="H1012" s="47">
        <v>13.4</v>
      </c>
    </row>
    <row r="1013" spans="2:8" ht="21.6" x14ac:dyDescent="0.2">
      <c r="B1013" s="76"/>
      <c r="C1013" s="39" t="s">
        <v>43</v>
      </c>
      <c r="D1013" s="45">
        <v>327</v>
      </c>
      <c r="E1013" s="46">
        <v>18.7</v>
      </c>
      <c r="F1013" s="46">
        <v>59.9</v>
      </c>
      <c r="G1013" s="46">
        <v>7</v>
      </c>
      <c r="H1013" s="47">
        <v>14.4</v>
      </c>
    </row>
    <row r="1014" spans="2:8" ht="21.6" x14ac:dyDescent="0.2">
      <c r="B1014" s="76"/>
      <c r="C1014" s="39" t="s">
        <v>44</v>
      </c>
      <c r="D1014" s="45">
        <v>181</v>
      </c>
      <c r="E1014" s="46">
        <v>14.9</v>
      </c>
      <c r="F1014" s="46">
        <v>65.2</v>
      </c>
      <c r="G1014" s="46">
        <v>9.4</v>
      </c>
      <c r="H1014" s="47">
        <v>10.5</v>
      </c>
    </row>
    <row r="1015" spans="2:8" ht="21.6" x14ac:dyDescent="0.2">
      <c r="B1015" s="76"/>
      <c r="C1015" s="39" t="s">
        <v>45</v>
      </c>
      <c r="D1015" s="45">
        <v>565</v>
      </c>
      <c r="E1015" s="46">
        <v>14.2</v>
      </c>
      <c r="F1015" s="46">
        <v>61.9</v>
      </c>
      <c r="G1015" s="46">
        <v>9.4</v>
      </c>
      <c r="H1015" s="47">
        <v>14.5</v>
      </c>
    </row>
    <row r="1016" spans="2:8" ht="21.6" x14ac:dyDescent="0.2">
      <c r="B1016" s="76"/>
      <c r="C1016" s="39" t="s">
        <v>46</v>
      </c>
      <c r="D1016" s="45">
        <v>473</v>
      </c>
      <c r="E1016" s="46">
        <v>18</v>
      </c>
      <c r="F1016" s="46">
        <v>55.4</v>
      </c>
      <c r="G1016" s="46">
        <v>11.8</v>
      </c>
      <c r="H1016" s="47">
        <v>14.8</v>
      </c>
    </row>
    <row r="1017" spans="2:8" ht="21.6" x14ac:dyDescent="0.2">
      <c r="B1017" s="76"/>
      <c r="C1017" s="39" t="s">
        <v>47</v>
      </c>
      <c r="D1017" s="45">
        <v>441</v>
      </c>
      <c r="E1017" s="46">
        <v>16.8</v>
      </c>
      <c r="F1017" s="46">
        <v>66.2</v>
      </c>
      <c r="G1017" s="46">
        <v>9.3000000000000007</v>
      </c>
      <c r="H1017" s="47">
        <v>7.7</v>
      </c>
    </row>
    <row r="1018" spans="2:8" ht="21.6" x14ac:dyDescent="0.2">
      <c r="B1018" s="76"/>
      <c r="C1018" s="39" t="s">
        <v>48</v>
      </c>
      <c r="D1018" s="45">
        <v>305</v>
      </c>
      <c r="E1018" s="46">
        <v>14.1</v>
      </c>
      <c r="F1018" s="46">
        <v>66.900000000000006</v>
      </c>
      <c r="G1018" s="46">
        <v>10.5</v>
      </c>
      <c r="H1018" s="47">
        <v>8.5</v>
      </c>
    </row>
    <row r="1019" spans="2:8" ht="21.6" x14ac:dyDescent="0.2">
      <c r="B1019" s="76"/>
      <c r="C1019" s="39" t="s">
        <v>49</v>
      </c>
      <c r="D1019" s="45">
        <v>223</v>
      </c>
      <c r="E1019" s="46">
        <v>19.7</v>
      </c>
      <c r="F1019" s="46">
        <v>64.599999999999994</v>
      </c>
      <c r="G1019" s="46">
        <v>7.6</v>
      </c>
      <c r="H1019" s="47">
        <v>8.1</v>
      </c>
    </row>
    <row r="1020" spans="2:8" ht="21.6" x14ac:dyDescent="0.2">
      <c r="B1020" s="76"/>
      <c r="C1020" s="39" t="s">
        <v>50</v>
      </c>
      <c r="D1020" s="45">
        <v>123</v>
      </c>
      <c r="E1020" s="46">
        <v>18.7</v>
      </c>
      <c r="F1020" s="46">
        <v>65.900000000000006</v>
      </c>
      <c r="G1020" s="46">
        <v>6.5</v>
      </c>
      <c r="H1020" s="47">
        <v>8.9</v>
      </c>
    </row>
    <row r="1021" spans="2:8" ht="21.6" x14ac:dyDescent="0.2">
      <c r="B1021" s="76"/>
      <c r="C1021" s="39" t="s">
        <v>51</v>
      </c>
      <c r="D1021" s="45">
        <v>124</v>
      </c>
      <c r="E1021" s="46">
        <v>16.899999999999999</v>
      </c>
      <c r="F1021" s="46">
        <v>66.099999999999994</v>
      </c>
      <c r="G1021" s="46">
        <v>8.9</v>
      </c>
      <c r="H1021" s="47">
        <v>8.1</v>
      </c>
    </row>
    <row r="1022" spans="2:8" ht="21.6" x14ac:dyDescent="0.2">
      <c r="B1022" s="76"/>
      <c r="C1022" s="39" t="s">
        <v>52</v>
      </c>
      <c r="D1022" s="45">
        <v>312</v>
      </c>
      <c r="E1022" s="46">
        <v>13.5</v>
      </c>
      <c r="F1022" s="46">
        <v>64.7</v>
      </c>
      <c r="G1022" s="46">
        <v>11.5</v>
      </c>
      <c r="H1022" s="47">
        <v>10.3</v>
      </c>
    </row>
    <row r="1023" spans="2:8" x14ac:dyDescent="0.2">
      <c r="B1023" s="76"/>
      <c r="C1023" s="39" t="s">
        <v>53</v>
      </c>
      <c r="D1023" s="45">
        <v>269</v>
      </c>
      <c r="E1023" s="46">
        <v>13.4</v>
      </c>
      <c r="F1023" s="46">
        <v>64.7</v>
      </c>
      <c r="G1023" s="46">
        <v>9.6999999999999993</v>
      </c>
      <c r="H1023" s="47">
        <v>12.3</v>
      </c>
    </row>
    <row r="1024" spans="2:8" ht="21.6" x14ac:dyDescent="0.2">
      <c r="B1024" s="76"/>
      <c r="C1024" s="39" t="s">
        <v>54</v>
      </c>
      <c r="D1024" s="45">
        <v>511</v>
      </c>
      <c r="E1024" s="46">
        <v>16.399999999999999</v>
      </c>
      <c r="F1024" s="46">
        <v>64.599999999999994</v>
      </c>
      <c r="G1024" s="46">
        <v>10.199999999999999</v>
      </c>
      <c r="H1024" s="47">
        <v>8.8000000000000007</v>
      </c>
    </row>
    <row r="1025" spans="1:25" ht="21.6" x14ac:dyDescent="0.2">
      <c r="B1025" s="76"/>
      <c r="C1025" s="39" t="s">
        <v>55</v>
      </c>
      <c r="D1025" s="45">
        <v>615</v>
      </c>
      <c r="E1025" s="46">
        <v>17.899999999999999</v>
      </c>
      <c r="F1025" s="46">
        <v>63.1</v>
      </c>
      <c r="G1025" s="46">
        <v>8.9</v>
      </c>
      <c r="H1025" s="47">
        <v>10.1</v>
      </c>
    </row>
    <row r="1026" spans="1:25" ht="21.6" x14ac:dyDescent="0.2">
      <c r="B1026" s="76"/>
      <c r="C1026" s="39" t="s">
        <v>56</v>
      </c>
      <c r="D1026" s="45">
        <v>800</v>
      </c>
      <c r="E1026" s="46">
        <v>17.5</v>
      </c>
      <c r="F1026" s="46">
        <v>61</v>
      </c>
      <c r="G1026" s="46">
        <v>10.4</v>
      </c>
      <c r="H1026" s="47">
        <v>11.1</v>
      </c>
    </row>
    <row r="1027" spans="1:25" x14ac:dyDescent="0.2">
      <c r="B1027" s="76"/>
      <c r="C1027" s="40" t="s">
        <v>57</v>
      </c>
      <c r="D1027" s="48">
        <v>798</v>
      </c>
      <c r="E1027" s="49">
        <v>13.7</v>
      </c>
      <c r="F1027" s="49">
        <v>67.900000000000006</v>
      </c>
      <c r="G1027" s="49">
        <v>10.199999999999999</v>
      </c>
      <c r="H1027" s="50">
        <v>8.3000000000000007</v>
      </c>
    </row>
    <row r="1028" spans="1:25" x14ac:dyDescent="0.2">
      <c r="B1028" s="7" t="s">
        <v>71</v>
      </c>
      <c r="C1028" s="4" t="s">
        <v>104</v>
      </c>
    </row>
    <row r="1029" spans="1:25" x14ac:dyDescent="0.2">
      <c r="B1029" s="4"/>
      <c r="C1029" s="4" t="s">
        <v>73</v>
      </c>
    </row>
    <row r="1031" spans="1:25" x14ac:dyDescent="0.2">
      <c r="C1031" t="s">
        <v>35</v>
      </c>
    </row>
    <row r="1032" spans="1:25" x14ac:dyDescent="0.2">
      <c r="B1032" s="74" t="s">
        <v>197</v>
      </c>
      <c r="C1032" s="75"/>
      <c r="D1032" s="75"/>
      <c r="E1032" s="75"/>
      <c r="F1032" s="75"/>
      <c r="G1032" s="75"/>
      <c r="H1032" s="75"/>
      <c r="I1032" s="75"/>
      <c r="J1032" s="75"/>
      <c r="K1032" s="75"/>
      <c r="L1032" s="75"/>
      <c r="M1032" s="75"/>
      <c r="N1032" s="75"/>
      <c r="O1032" s="75"/>
      <c r="P1032" s="75"/>
      <c r="Q1032" s="75"/>
      <c r="R1032" s="75"/>
      <c r="S1032" s="75"/>
      <c r="T1032" s="75"/>
      <c r="U1032" s="75"/>
      <c r="V1032" s="75"/>
      <c r="W1032" s="75"/>
      <c r="X1032" s="75"/>
      <c r="Y1032" s="75"/>
    </row>
    <row r="1033" spans="1:25" s="32" customFormat="1" ht="36.450000000000003" customHeight="1" x14ac:dyDescent="0.15">
      <c r="A1033" s="31"/>
      <c r="D1033" s="33" t="s">
        <v>242</v>
      </c>
      <c r="E1033" s="35" t="s">
        <v>285</v>
      </c>
      <c r="F1033" s="36" t="s">
        <v>279</v>
      </c>
      <c r="G1033" s="36" t="s">
        <v>286</v>
      </c>
      <c r="H1033" s="37" t="s">
        <v>276</v>
      </c>
      <c r="I1033" s="34" t="s">
        <v>251</v>
      </c>
    </row>
    <row r="1034" spans="1:25" ht="21.6" x14ac:dyDescent="0.2">
      <c r="B1034" s="76" t="s">
        <v>37</v>
      </c>
      <c r="C1034" s="38" t="s">
        <v>58</v>
      </c>
      <c r="D1034" s="51">
        <v>609</v>
      </c>
      <c r="E1034" s="52">
        <v>17.100000000000001</v>
      </c>
      <c r="F1034" s="52">
        <v>59.9</v>
      </c>
      <c r="G1034" s="52">
        <v>11.3</v>
      </c>
      <c r="H1034" s="53">
        <v>11.7</v>
      </c>
    </row>
    <row r="1035" spans="1:25" ht="21.6" x14ac:dyDescent="0.2">
      <c r="B1035" s="76"/>
      <c r="C1035" s="39" t="s">
        <v>59</v>
      </c>
      <c r="D1035" s="45">
        <v>1391</v>
      </c>
      <c r="E1035" s="46">
        <v>14.9</v>
      </c>
      <c r="F1035" s="46">
        <v>63.4</v>
      </c>
      <c r="G1035" s="46">
        <v>8.6</v>
      </c>
      <c r="H1035" s="47">
        <v>13.1</v>
      </c>
    </row>
    <row r="1036" spans="1:25" x14ac:dyDescent="0.2">
      <c r="B1036" s="76"/>
      <c r="C1036" s="39" t="s">
        <v>60</v>
      </c>
      <c r="D1036" s="45">
        <v>1325</v>
      </c>
      <c r="E1036" s="46">
        <v>15.8</v>
      </c>
      <c r="F1036" s="46">
        <v>62.3</v>
      </c>
      <c r="G1036" s="46">
        <v>9</v>
      </c>
      <c r="H1036" s="47">
        <v>12.9</v>
      </c>
    </row>
    <row r="1037" spans="1:25" x14ac:dyDescent="0.2">
      <c r="B1037" s="76"/>
      <c r="C1037" s="39" t="s">
        <v>61</v>
      </c>
      <c r="D1037" s="45">
        <v>675</v>
      </c>
      <c r="E1037" s="46">
        <v>15</v>
      </c>
      <c r="F1037" s="46">
        <v>62.5</v>
      </c>
      <c r="G1037" s="46">
        <v>10.4</v>
      </c>
      <c r="H1037" s="47">
        <v>12.1</v>
      </c>
    </row>
    <row r="1038" spans="1:25" x14ac:dyDescent="0.2">
      <c r="B1038" s="76"/>
      <c r="C1038" s="39" t="s">
        <v>62</v>
      </c>
      <c r="D1038" s="45">
        <v>1086</v>
      </c>
      <c r="E1038" s="46">
        <v>12.9</v>
      </c>
      <c r="F1038" s="46">
        <v>64.900000000000006</v>
      </c>
      <c r="G1038" s="46">
        <v>10.7</v>
      </c>
      <c r="H1038" s="47">
        <v>11.5</v>
      </c>
    </row>
    <row r="1039" spans="1:25" ht="21.6" x14ac:dyDescent="0.2">
      <c r="B1039" s="76"/>
      <c r="C1039" s="39" t="s">
        <v>63</v>
      </c>
      <c r="D1039" s="45">
        <v>203</v>
      </c>
      <c r="E1039" s="46">
        <v>11.3</v>
      </c>
      <c r="F1039" s="46">
        <v>61.6</v>
      </c>
      <c r="G1039" s="46">
        <v>6.9</v>
      </c>
      <c r="H1039" s="47">
        <v>20.2</v>
      </c>
    </row>
    <row r="1040" spans="1:25" x14ac:dyDescent="0.2">
      <c r="B1040" s="76"/>
      <c r="C1040" s="39" t="s">
        <v>64</v>
      </c>
      <c r="D1040" s="45">
        <v>263</v>
      </c>
      <c r="E1040" s="46">
        <v>19</v>
      </c>
      <c r="F1040" s="46">
        <v>61.2</v>
      </c>
      <c r="G1040" s="46">
        <v>10.6</v>
      </c>
      <c r="H1040" s="47">
        <v>9.1</v>
      </c>
    </row>
    <row r="1041" spans="2:8" x14ac:dyDescent="0.2">
      <c r="B1041" s="76"/>
      <c r="C1041" s="39" t="s">
        <v>65</v>
      </c>
      <c r="D1041" s="45">
        <v>312</v>
      </c>
      <c r="E1041" s="46">
        <v>12.2</v>
      </c>
      <c r="F1041" s="46">
        <v>68.3</v>
      </c>
      <c r="G1041" s="46">
        <v>9.3000000000000007</v>
      </c>
      <c r="H1041" s="47">
        <v>10.3</v>
      </c>
    </row>
    <row r="1042" spans="2:8" x14ac:dyDescent="0.2">
      <c r="B1042" s="76"/>
      <c r="C1042" s="39" t="s">
        <v>66</v>
      </c>
      <c r="D1042" s="45">
        <v>230</v>
      </c>
      <c r="E1042" s="46">
        <v>7.8</v>
      </c>
      <c r="F1042" s="46">
        <v>68.3</v>
      </c>
      <c r="G1042" s="46">
        <v>13.9</v>
      </c>
      <c r="H1042" s="47">
        <v>10</v>
      </c>
    </row>
    <row r="1043" spans="2:8" x14ac:dyDescent="0.2">
      <c r="B1043" s="76"/>
      <c r="C1043" s="39" t="s">
        <v>67</v>
      </c>
      <c r="D1043" s="45">
        <v>78</v>
      </c>
      <c r="E1043" s="46">
        <v>14.1</v>
      </c>
      <c r="F1043" s="46">
        <v>62.8</v>
      </c>
      <c r="G1043" s="46">
        <v>16.7</v>
      </c>
      <c r="H1043" s="47">
        <v>6.4</v>
      </c>
    </row>
    <row r="1044" spans="2:8" x14ac:dyDescent="0.2">
      <c r="B1044" s="76"/>
      <c r="C1044" s="39" t="s">
        <v>68</v>
      </c>
      <c r="D1044" s="45">
        <v>897</v>
      </c>
      <c r="E1044" s="46">
        <v>13</v>
      </c>
      <c r="F1044" s="46">
        <v>66.099999999999994</v>
      </c>
      <c r="G1044" s="46">
        <v>10.5</v>
      </c>
      <c r="H1044" s="47">
        <v>10.4</v>
      </c>
    </row>
    <row r="1045" spans="2:8" x14ac:dyDescent="0.2">
      <c r="B1045" s="76"/>
      <c r="C1045" s="39" t="s">
        <v>69</v>
      </c>
      <c r="D1045" s="45">
        <v>189</v>
      </c>
      <c r="E1045" s="46">
        <v>12.2</v>
      </c>
      <c r="F1045" s="46">
        <v>59.3</v>
      </c>
      <c r="G1045" s="46">
        <v>11.6</v>
      </c>
      <c r="H1045" s="47">
        <v>16.899999999999999</v>
      </c>
    </row>
    <row r="1046" spans="2:8" x14ac:dyDescent="0.2">
      <c r="B1046" s="76"/>
      <c r="C1046" s="39" t="s">
        <v>70</v>
      </c>
      <c r="D1046" s="45">
        <v>914</v>
      </c>
      <c r="E1046" s="46">
        <v>18.7</v>
      </c>
      <c r="F1046" s="46">
        <v>59.3</v>
      </c>
      <c r="G1046" s="46">
        <v>8</v>
      </c>
      <c r="H1046" s="47">
        <v>14</v>
      </c>
    </row>
    <row r="1047" spans="2:8" ht="21.6" x14ac:dyDescent="0.2">
      <c r="B1047" s="76"/>
      <c r="C1047" s="39" t="s">
        <v>63</v>
      </c>
      <c r="D1047" s="45">
        <v>193</v>
      </c>
      <c r="E1047" s="46">
        <v>18.100000000000001</v>
      </c>
      <c r="F1047" s="46">
        <v>43.5</v>
      </c>
      <c r="G1047" s="46">
        <v>13</v>
      </c>
      <c r="H1047" s="47">
        <v>25.4</v>
      </c>
    </row>
    <row r="1048" spans="2:8" x14ac:dyDescent="0.2">
      <c r="B1048" s="76"/>
      <c r="C1048" s="39" t="s">
        <v>64</v>
      </c>
      <c r="D1048" s="45">
        <v>203</v>
      </c>
      <c r="E1048" s="46">
        <v>18.2</v>
      </c>
      <c r="F1048" s="46">
        <v>59.1</v>
      </c>
      <c r="G1048" s="46">
        <v>6.9</v>
      </c>
      <c r="H1048" s="47">
        <v>15.8</v>
      </c>
    </row>
    <row r="1049" spans="2:8" x14ac:dyDescent="0.2">
      <c r="B1049" s="76"/>
      <c r="C1049" s="39" t="s">
        <v>65</v>
      </c>
      <c r="D1049" s="45">
        <v>263</v>
      </c>
      <c r="E1049" s="46">
        <v>22.1</v>
      </c>
      <c r="F1049" s="46">
        <v>63.1</v>
      </c>
      <c r="G1049" s="46">
        <v>6.5</v>
      </c>
      <c r="H1049" s="47">
        <v>8.4</v>
      </c>
    </row>
    <row r="1050" spans="2:8" x14ac:dyDescent="0.2">
      <c r="B1050" s="76"/>
      <c r="C1050" s="39" t="s">
        <v>66</v>
      </c>
      <c r="D1050" s="45">
        <v>194</v>
      </c>
      <c r="E1050" s="46">
        <v>16</v>
      </c>
      <c r="F1050" s="46">
        <v>67.5</v>
      </c>
      <c r="G1050" s="46">
        <v>5.7</v>
      </c>
      <c r="H1050" s="47">
        <v>10.8</v>
      </c>
    </row>
    <row r="1051" spans="2:8" x14ac:dyDescent="0.2">
      <c r="B1051" s="76"/>
      <c r="C1051" s="39" t="s">
        <v>67</v>
      </c>
      <c r="D1051" s="45">
        <v>61</v>
      </c>
      <c r="E1051" s="46">
        <v>16.399999999999999</v>
      </c>
      <c r="F1051" s="46">
        <v>67.2</v>
      </c>
      <c r="G1051" s="46">
        <v>9.8000000000000007</v>
      </c>
      <c r="H1051" s="47">
        <v>6.6</v>
      </c>
    </row>
    <row r="1052" spans="2:8" x14ac:dyDescent="0.2">
      <c r="B1052" s="76"/>
      <c r="C1052" s="39" t="s">
        <v>68</v>
      </c>
      <c r="D1052" s="45">
        <v>416</v>
      </c>
      <c r="E1052" s="46">
        <v>15.6</v>
      </c>
      <c r="F1052" s="46">
        <v>61.3</v>
      </c>
      <c r="G1052" s="46">
        <v>8.6999999999999993</v>
      </c>
      <c r="H1052" s="47">
        <v>14.4</v>
      </c>
    </row>
    <row r="1053" spans="2:8" x14ac:dyDescent="0.2">
      <c r="B1053" s="76"/>
      <c r="C1053" s="40" t="s">
        <v>69</v>
      </c>
      <c r="D1053" s="48">
        <v>498</v>
      </c>
      <c r="E1053" s="49">
        <v>21.3</v>
      </c>
      <c r="F1053" s="49">
        <v>57.6</v>
      </c>
      <c r="G1053" s="49">
        <v>7.4</v>
      </c>
      <c r="H1053" s="50">
        <v>13.7</v>
      </c>
    </row>
    <row r="1054" spans="2:8" x14ac:dyDescent="0.2">
      <c r="B1054" s="7" t="s">
        <v>71</v>
      </c>
      <c r="C1054" s="4" t="s">
        <v>104</v>
      </c>
    </row>
    <row r="1055" spans="2:8" x14ac:dyDescent="0.2">
      <c r="B1055" s="4"/>
      <c r="C1055" s="4" t="s">
        <v>73</v>
      </c>
    </row>
    <row r="1057" spans="1:25" x14ac:dyDescent="0.2">
      <c r="A1057" s="26" t="s">
        <v>25</v>
      </c>
      <c r="B1057" t="s">
        <v>35</v>
      </c>
      <c r="C1057" t="s">
        <v>35</v>
      </c>
    </row>
    <row r="1058" spans="1:25" x14ac:dyDescent="0.2">
      <c r="B1058" s="74" t="s">
        <v>105</v>
      </c>
      <c r="C1058" s="75"/>
      <c r="D1058" s="75"/>
      <c r="E1058" s="75"/>
      <c r="F1058" s="75"/>
      <c r="G1058" s="75"/>
      <c r="H1058" s="75"/>
      <c r="I1058" s="75"/>
      <c r="J1058" s="75"/>
      <c r="K1058" s="75"/>
      <c r="L1058" s="75"/>
      <c r="M1058" s="75"/>
      <c r="N1058" s="75"/>
      <c r="O1058" s="75"/>
      <c r="P1058" s="75"/>
      <c r="Q1058" s="75"/>
      <c r="R1058" s="75"/>
      <c r="S1058" s="75"/>
      <c r="T1058" s="75"/>
      <c r="U1058" s="75"/>
      <c r="V1058" s="75"/>
      <c r="W1058" s="75"/>
      <c r="X1058" s="75"/>
      <c r="Y1058" s="75"/>
    </row>
    <row r="1059" spans="1:25" s="32" customFormat="1" ht="36.450000000000003" customHeight="1" x14ac:dyDescent="0.15">
      <c r="A1059" s="31"/>
      <c r="D1059" s="33" t="s">
        <v>242</v>
      </c>
      <c r="E1059" s="35" t="s">
        <v>285</v>
      </c>
      <c r="F1059" s="36" t="s">
        <v>287</v>
      </c>
      <c r="G1059" s="36" t="s">
        <v>279</v>
      </c>
      <c r="H1059" s="36" t="s">
        <v>286</v>
      </c>
      <c r="I1059" s="36" t="s">
        <v>288</v>
      </c>
      <c r="J1059" s="37" t="s">
        <v>276</v>
      </c>
      <c r="K1059" s="34" t="s">
        <v>251</v>
      </c>
    </row>
    <row r="1060" spans="1:25" x14ac:dyDescent="0.2">
      <c r="B1060" s="5"/>
      <c r="C1060" s="41" t="s">
        <v>38</v>
      </c>
      <c r="D1060" s="42">
        <v>2000</v>
      </c>
      <c r="E1060" s="43">
        <v>3.3</v>
      </c>
      <c r="F1060" s="43">
        <v>3.4</v>
      </c>
      <c r="G1060" s="43">
        <v>66.099999999999994</v>
      </c>
      <c r="H1060" s="43">
        <v>7.8</v>
      </c>
      <c r="I1060" s="43">
        <v>8.4</v>
      </c>
      <c r="J1060" s="44">
        <v>11.1</v>
      </c>
    </row>
    <row r="1061" spans="1:25" x14ac:dyDescent="0.2">
      <c r="B1061" s="76" t="s">
        <v>37</v>
      </c>
      <c r="C1061" s="39" t="s">
        <v>39</v>
      </c>
      <c r="D1061" s="45">
        <v>111</v>
      </c>
      <c r="E1061" s="46">
        <v>3.6</v>
      </c>
      <c r="F1061" s="46">
        <v>1.8</v>
      </c>
      <c r="G1061" s="46">
        <v>73</v>
      </c>
      <c r="H1061" s="46">
        <v>9.9</v>
      </c>
      <c r="I1061" s="46">
        <v>5.4</v>
      </c>
      <c r="J1061" s="47">
        <v>6.3</v>
      </c>
    </row>
    <row r="1062" spans="1:25" x14ac:dyDescent="0.2">
      <c r="B1062" s="76"/>
      <c r="C1062" s="39" t="s">
        <v>40</v>
      </c>
      <c r="D1062" s="45">
        <v>450</v>
      </c>
      <c r="E1062" s="46">
        <v>2.7</v>
      </c>
      <c r="F1062" s="46">
        <v>2.4</v>
      </c>
      <c r="G1062" s="46">
        <v>70</v>
      </c>
      <c r="H1062" s="46">
        <v>10.4</v>
      </c>
      <c r="I1062" s="46">
        <v>5.6</v>
      </c>
      <c r="J1062" s="47">
        <v>8.9</v>
      </c>
    </row>
    <row r="1063" spans="1:25" ht="21.6" x14ac:dyDescent="0.2">
      <c r="B1063" s="76"/>
      <c r="C1063" s="39" t="s">
        <v>41</v>
      </c>
      <c r="D1063" s="45">
        <v>30</v>
      </c>
      <c r="E1063" s="46">
        <v>3.3</v>
      </c>
      <c r="F1063" s="46">
        <v>6.7</v>
      </c>
      <c r="G1063" s="46">
        <v>56.7</v>
      </c>
      <c r="H1063" s="46">
        <v>10</v>
      </c>
      <c r="I1063" s="46">
        <v>3.3</v>
      </c>
      <c r="J1063" s="47">
        <v>20</v>
      </c>
    </row>
    <row r="1064" spans="1:25" ht="21.6" x14ac:dyDescent="0.2">
      <c r="B1064" s="76"/>
      <c r="C1064" s="39" t="s">
        <v>42</v>
      </c>
      <c r="D1064" s="45">
        <v>336</v>
      </c>
      <c r="E1064" s="46">
        <v>3.6</v>
      </c>
      <c r="F1064" s="46">
        <v>4.8</v>
      </c>
      <c r="G1064" s="46">
        <v>63.4</v>
      </c>
      <c r="H1064" s="46">
        <v>8.9</v>
      </c>
      <c r="I1064" s="46">
        <v>6.8</v>
      </c>
      <c r="J1064" s="47">
        <v>12.5</v>
      </c>
    </row>
    <row r="1065" spans="1:25" ht="21.6" x14ac:dyDescent="0.2">
      <c r="B1065" s="76"/>
      <c r="C1065" s="39" t="s">
        <v>43</v>
      </c>
      <c r="D1065" s="45">
        <v>327</v>
      </c>
      <c r="E1065" s="46">
        <v>3.7</v>
      </c>
      <c r="F1065" s="46">
        <v>1.5</v>
      </c>
      <c r="G1065" s="46">
        <v>62.1</v>
      </c>
      <c r="H1065" s="46">
        <v>6.1</v>
      </c>
      <c r="I1065" s="46">
        <v>13.5</v>
      </c>
      <c r="J1065" s="47">
        <v>13.1</v>
      </c>
    </row>
    <row r="1066" spans="1:25" ht="21.6" x14ac:dyDescent="0.2">
      <c r="B1066" s="76"/>
      <c r="C1066" s="39" t="s">
        <v>44</v>
      </c>
      <c r="D1066" s="45">
        <v>181</v>
      </c>
      <c r="E1066" s="46">
        <v>5</v>
      </c>
      <c r="F1066" s="46">
        <v>3.9</v>
      </c>
      <c r="G1066" s="46">
        <v>72.400000000000006</v>
      </c>
      <c r="H1066" s="46">
        <v>4.4000000000000004</v>
      </c>
      <c r="I1066" s="46">
        <v>5</v>
      </c>
      <c r="J1066" s="47">
        <v>9.4</v>
      </c>
    </row>
    <row r="1067" spans="1:25" ht="21.6" x14ac:dyDescent="0.2">
      <c r="B1067" s="76"/>
      <c r="C1067" s="39" t="s">
        <v>45</v>
      </c>
      <c r="D1067" s="45">
        <v>565</v>
      </c>
      <c r="E1067" s="46">
        <v>2.7</v>
      </c>
      <c r="F1067" s="46">
        <v>4.4000000000000004</v>
      </c>
      <c r="G1067" s="46">
        <v>64.099999999999994</v>
      </c>
      <c r="H1067" s="46">
        <v>6.4</v>
      </c>
      <c r="I1067" s="46">
        <v>10.6</v>
      </c>
      <c r="J1067" s="47">
        <v>11.9</v>
      </c>
    </row>
    <row r="1068" spans="1:25" ht="21.6" x14ac:dyDescent="0.2">
      <c r="B1068" s="76"/>
      <c r="C1068" s="39" t="s">
        <v>46</v>
      </c>
      <c r="D1068" s="45">
        <v>473</v>
      </c>
      <c r="E1068" s="46">
        <v>4</v>
      </c>
      <c r="F1068" s="46">
        <v>2.7</v>
      </c>
      <c r="G1068" s="46">
        <v>59.6</v>
      </c>
      <c r="H1068" s="46">
        <v>8.5</v>
      </c>
      <c r="I1068" s="46">
        <v>11.6</v>
      </c>
      <c r="J1068" s="47">
        <v>13.5</v>
      </c>
    </row>
    <row r="1069" spans="1:25" ht="21.6" x14ac:dyDescent="0.2">
      <c r="B1069" s="76"/>
      <c r="C1069" s="39" t="s">
        <v>47</v>
      </c>
      <c r="D1069" s="45">
        <v>441</v>
      </c>
      <c r="E1069" s="46">
        <v>4.3</v>
      </c>
      <c r="F1069" s="46">
        <v>3.9</v>
      </c>
      <c r="G1069" s="46">
        <v>70.099999999999994</v>
      </c>
      <c r="H1069" s="46">
        <v>8.6</v>
      </c>
      <c r="I1069" s="46">
        <v>6.3</v>
      </c>
      <c r="J1069" s="47">
        <v>6.8</v>
      </c>
    </row>
    <row r="1070" spans="1:25" ht="21.6" x14ac:dyDescent="0.2">
      <c r="B1070" s="76"/>
      <c r="C1070" s="39" t="s">
        <v>48</v>
      </c>
      <c r="D1070" s="45">
        <v>305</v>
      </c>
      <c r="E1070" s="46">
        <v>2.6</v>
      </c>
      <c r="F1070" s="46">
        <v>3.6</v>
      </c>
      <c r="G1070" s="46">
        <v>70.8</v>
      </c>
      <c r="H1070" s="46">
        <v>9.5</v>
      </c>
      <c r="I1070" s="46">
        <v>6.6</v>
      </c>
      <c r="J1070" s="47">
        <v>6.9</v>
      </c>
    </row>
    <row r="1071" spans="1:25" ht="21.6" x14ac:dyDescent="0.2">
      <c r="B1071" s="76"/>
      <c r="C1071" s="39" t="s">
        <v>49</v>
      </c>
      <c r="D1071" s="45">
        <v>223</v>
      </c>
      <c r="E1071" s="46">
        <v>4</v>
      </c>
      <c r="F1071" s="46">
        <v>4.9000000000000004</v>
      </c>
      <c r="G1071" s="46">
        <v>70.900000000000006</v>
      </c>
      <c r="H1071" s="46">
        <v>6.7</v>
      </c>
      <c r="I1071" s="46">
        <v>6.3</v>
      </c>
      <c r="J1071" s="47">
        <v>7.2</v>
      </c>
    </row>
    <row r="1072" spans="1:25" ht="21.6" x14ac:dyDescent="0.2">
      <c r="B1072" s="76"/>
      <c r="C1072" s="39" t="s">
        <v>50</v>
      </c>
      <c r="D1072" s="45">
        <v>123</v>
      </c>
      <c r="E1072" s="46">
        <v>2.4</v>
      </c>
      <c r="F1072" s="46">
        <v>3.3</v>
      </c>
      <c r="G1072" s="46">
        <v>79.7</v>
      </c>
      <c r="H1072" s="46">
        <v>8.1</v>
      </c>
      <c r="I1072" s="46">
        <v>2.4</v>
      </c>
      <c r="J1072" s="47">
        <v>4.0999999999999996</v>
      </c>
    </row>
    <row r="1073" spans="1:25" ht="21.6" x14ac:dyDescent="0.2">
      <c r="B1073" s="76"/>
      <c r="C1073" s="39" t="s">
        <v>51</v>
      </c>
      <c r="D1073" s="45">
        <v>124</v>
      </c>
      <c r="E1073" s="46">
        <v>2.4</v>
      </c>
      <c r="F1073" s="46">
        <v>1.6</v>
      </c>
      <c r="G1073" s="46">
        <v>75</v>
      </c>
      <c r="H1073" s="46">
        <v>4.8</v>
      </c>
      <c r="I1073" s="46">
        <v>11.3</v>
      </c>
      <c r="J1073" s="47">
        <v>4.8</v>
      </c>
    </row>
    <row r="1074" spans="1:25" ht="21.6" x14ac:dyDescent="0.2">
      <c r="B1074" s="76"/>
      <c r="C1074" s="39" t="s">
        <v>52</v>
      </c>
      <c r="D1074" s="45">
        <v>312</v>
      </c>
      <c r="E1074" s="46">
        <v>2.9</v>
      </c>
      <c r="F1074" s="46">
        <v>2.6</v>
      </c>
      <c r="G1074" s="46">
        <v>68.3</v>
      </c>
      <c r="H1074" s="46">
        <v>6.4</v>
      </c>
      <c r="I1074" s="46">
        <v>11.5</v>
      </c>
      <c r="J1074" s="47">
        <v>8.3000000000000007</v>
      </c>
    </row>
    <row r="1075" spans="1:25" x14ac:dyDescent="0.2">
      <c r="B1075" s="76"/>
      <c r="C1075" s="39" t="s">
        <v>53</v>
      </c>
      <c r="D1075" s="45">
        <v>269</v>
      </c>
      <c r="E1075" s="46">
        <v>2.6</v>
      </c>
      <c r="F1075" s="46">
        <v>4.0999999999999996</v>
      </c>
      <c r="G1075" s="46">
        <v>68</v>
      </c>
      <c r="H1075" s="46">
        <v>6.3</v>
      </c>
      <c r="I1075" s="46">
        <v>9.6999999999999993</v>
      </c>
      <c r="J1075" s="47">
        <v>9.3000000000000007</v>
      </c>
    </row>
    <row r="1076" spans="1:25" ht="21.6" x14ac:dyDescent="0.2">
      <c r="B1076" s="76"/>
      <c r="C1076" s="39" t="s">
        <v>54</v>
      </c>
      <c r="D1076" s="45">
        <v>511</v>
      </c>
      <c r="E1076" s="46">
        <v>4.9000000000000004</v>
      </c>
      <c r="F1076" s="46">
        <v>4.3</v>
      </c>
      <c r="G1076" s="46">
        <v>68.099999999999994</v>
      </c>
      <c r="H1076" s="46">
        <v>9.1999999999999993</v>
      </c>
      <c r="I1076" s="46">
        <v>5.0999999999999996</v>
      </c>
      <c r="J1076" s="47">
        <v>8.4</v>
      </c>
    </row>
    <row r="1077" spans="1:25" ht="21.6" x14ac:dyDescent="0.2">
      <c r="B1077" s="76"/>
      <c r="C1077" s="39" t="s">
        <v>55</v>
      </c>
      <c r="D1077" s="45">
        <v>615</v>
      </c>
      <c r="E1077" s="46">
        <v>2.9</v>
      </c>
      <c r="F1077" s="46">
        <v>3.1</v>
      </c>
      <c r="G1077" s="46">
        <v>71.2</v>
      </c>
      <c r="H1077" s="46">
        <v>9.6</v>
      </c>
      <c r="I1077" s="46">
        <v>4.7</v>
      </c>
      <c r="J1077" s="47">
        <v>8.5</v>
      </c>
    </row>
    <row r="1078" spans="1:25" ht="21.6" x14ac:dyDescent="0.2">
      <c r="B1078" s="76"/>
      <c r="C1078" s="39" t="s">
        <v>56</v>
      </c>
      <c r="D1078" s="45">
        <v>800</v>
      </c>
      <c r="E1078" s="46">
        <v>3.9</v>
      </c>
      <c r="F1078" s="46">
        <v>3.5</v>
      </c>
      <c r="G1078" s="46">
        <v>67.5</v>
      </c>
      <c r="H1078" s="46">
        <v>10.3</v>
      </c>
      <c r="I1078" s="46">
        <v>4.5</v>
      </c>
      <c r="J1078" s="47">
        <v>10.4</v>
      </c>
    </row>
    <row r="1079" spans="1:25" x14ac:dyDescent="0.2">
      <c r="B1079" s="76"/>
      <c r="C1079" s="40" t="s">
        <v>57</v>
      </c>
      <c r="D1079" s="48">
        <v>798</v>
      </c>
      <c r="E1079" s="49">
        <v>3.4</v>
      </c>
      <c r="F1079" s="49">
        <v>2.8</v>
      </c>
      <c r="G1079" s="49">
        <v>70.900000000000006</v>
      </c>
      <c r="H1079" s="49">
        <v>7.3</v>
      </c>
      <c r="I1079" s="49">
        <v>9.4</v>
      </c>
      <c r="J1079" s="50">
        <v>6.3</v>
      </c>
    </row>
    <row r="1080" spans="1:25" x14ac:dyDescent="0.2">
      <c r="B1080" s="7" t="s">
        <v>71</v>
      </c>
      <c r="C1080" s="4" t="s">
        <v>106</v>
      </c>
    </row>
    <row r="1081" spans="1:25" x14ac:dyDescent="0.2">
      <c r="B1081" s="4"/>
      <c r="C1081" s="4" t="s">
        <v>73</v>
      </c>
    </row>
    <row r="1083" spans="1:25" x14ac:dyDescent="0.2">
      <c r="C1083" t="s">
        <v>35</v>
      </c>
    </row>
    <row r="1084" spans="1:25" x14ac:dyDescent="0.2">
      <c r="B1084" s="74" t="s">
        <v>198</v>
      </c>
      <c r="C1084" s="75"/>
      <c r="D1084" s="75"/>
      <c r="E1084" s="75"/>
      <c r="F1084" s="75"/>
      <c r="G1084" s="75"/>
      <c r="H1084" s="75"/>
      <c r="I1084" s="75"/>
      <c r="J1084" s="75"/>
      <c r="K1084" s="75"/>
      <c r="L1084" s="75"/>
      <c r="M1084" s="75"/>
      <c r="N1084" s="75"/>
      <c r="O1084" s="75"/>
      <c r="P1084" s="75"/>
      <c r="Q1084" s="75"/>
      <c r="R1084" s="75"/>
      <c r="S1084" s="75"/>
      <c r="T1084" s="75"/>
      <c r="U1084" s="75"/>
      <c r="V1084" s="75"/>
      <c r="W1084" s="75"/>
      <c r="X1084" s="75"/>
      <c r="Y1084" s="75"/>
    </row>
    <row r="1085" spans="1:25" s="32" customFormat="1" ht="36.450000000000003" customHeight="1" x14ac:dyDescent="0.15">
      <c r="A1085" s="31"/>
      <c r="D1085" s="33" t="s">
        <v>242</v>
      </c>
      <c r="E1085" s="35" t="s">
        <v>285</v>
      </c>
      <c r="F1085" s="36" t="s">
        <v>287</v>
      </c>
      <c r="G1085" s="36" t="s">
        <v>279</v>
      </c>
      <c r="H1085" s="36" t="s">
        <v>286</v>
      </c>
      <c r="I1085" s="36" t="s">
        <v>288</v>
      </c>
      <c r="J1085" s="37" t="s">
        <v>276</v>
      </c>
      <c r="K1085" s="34" t="s">
        <v>251</v>
      </c>
    </row>
    <row r="1086" spans="1:25" ht="21.6" x14ac:dyDescent="0.2">
      <c r="B1086" s="76" t="s">
        <v>37</v>
      </c>
      <c r="C1086" s="38" t="s">
        <v>58</v>
      </c>
      <c r="D1086" s="51">
        <v>609</v>
      </c>
      <c r="E1086" s="52">
        <v>5.3</v>
      </c>
      <c r="F1086" s="52">
        <v>3.9</v>
      </c>
      <c r="G1086" s="52">
        <v>65.400000000000006</v>
      </c>
      <c r="H1086" s="52">
        <v>10.199999999999999</v>
      </c>
      <c r="I1086" s="52">
        <v>3.6</v>
      </c>
      <c r="J1086" s="53">
        <v>11.7</v>
      </c>
    </row>
    <row r="1087" spans="1:25" ht="21.6" x14ac:dyDescent="0.2">
      <c r="B1087" s="76"/>
      <c r="C1087" s="39" t="s">
        <v>59</v>
      </c>
      <c r="D1087" s="45">
        <v>1391</v>
      </c>
      <c r="E1087" s="46">
        <v>2.4</v>
      </c>
      <c r="F1087" s="46">
        <v>3.2</v>
      </c>
      <c r="G1087" s="46">
        <v>66.400000000000006</v>
      </c>
      <c r="H1087" s="46">
        <v>6.7</v>
      </c>
      <c r="I1087" s="46">
        <v>10.5</v>
      </c>
      <c r="J1087" s="47">
        <v>10.9</v>
      </c>
    </row>
    <row r="1088" spans="1:25" x14ac:dyDescent="0.2">
      <c r="B1088" s="76"/>
      <c r="C1088" s="39" t="s">
        <v>60</v>
      </c>
      <c r="D1088" s="45">
        <v>1325</v>
      </c>
      <c r="E1088" s="46">
        <v>3.1</v>
      </c>
      <c r="F1088" s="46">
        <v>3.5</v>
      </c>
      <c r="G1088" s="46">
        <v>66.599999999999994</v>
      </c>
      <c r="H1088" s="46">
        <v>7.8</v>
      </c>
      <c r="I1088" s="46">
        <v>7.9</v>
      </c>
      <c r="J1088" s="47">
        <v>11</v>
      </c>
    </row>
    <row r="1089" spans="2:10" x14ac:dyDescent="0.2">
      <c r="B1089" s="76"/>
      <c r="C1089" s="39" t="s">
        <v>61</v>
      </c>
      <c r="D1089" s="45">
        <v>675</v>
      </c>
      <c r="E1089" s="46">
        <v>3.6</v>
      </c>
      <c r="F1089" s="46">
        <v>3.3</v>
      </c>
      <c r="G1089" s="46">
        <v>65</v>
      </c>
      <c r="H1089" s="46">
        <v>7.6</v>
      </c>
      <c r="I1089" s="46">
        <v>9.3000000000000007</v>
      </c>
      <c r="J1089" s="47">
        <v>11.3</v>
      </c>
    </row>
    <row r="1090" spans="2:10" x14ac:dyDescent="0.2">
      <c r="B1090" s="76"/>
      <c r="C1090" s="39" t="s">
        <v>62</v>
      </c>
      <c r="D1090" s="45">
        <v>1086</v>
      </c>
      <c r="E1090" s="46">
        <v>3</v>
      </c>
      <c r="F1090" s="46">
        <v>3.1</v>
      </c>
      <c r="G1090" s="46">
        <v>70</v>
      </c>
      <c r="H1090" s="46">
        <v>9.8000000000000007</v>
      </c>
      <c r="I1090" s="46">
        <v>5</v>
      </c>
      <c r="J1090" s="47">
        <v>9.1</v>
      </c>
    </row>
    <row r="1091" spans="2:10" ht="21.6" x14ac:dyDescent="0.2">
      <c r="B1091" s="76"/>
      <c r="C1091" s="39" t="s">
        <v>63</v>
      </c>
      <c r="D1091" s="45">
        <v>203</v>
      </c>
      <c r="E1091" s="46">
        <v>4.4000000000000004</v>
      </c>
      <c r="F1091" s="46">
        <v>4.4000000000000004</v>
      </c>
      <c r="G1091" s="46">
        <v>58.6</v>
      </c>
      <c r="H1091" s="46">
        <v>7.4</v>
      </c>
      <c r="I1091" s="46">
        <v>5.9</v>
      </c>
      <c r="J1091" s="47">
        <v>19.2</v>
      </c>
    </row>
    <row r="1092" spans="2:10" x14ac:dyDescent="0.2">
      <c r="B1092" s="76"/>
      <c r="C1092" s="39" t="s">
        <v>64</v>
      </c>
      <c r="D1092" s="45">
        <v>263</v>
      </c>
      <c r="E1092" s="46">
        <v>4.5999999999999996</v>
      </c>
      <c r="F1092" s="46">
        <v>3.4</v>
      </c>
      <c r="G1092" s="46">
        <v>71.5</v>
      </c>
      <c r="H1092" s="46">
        <v>9.1</v>
      </c>
      <c r="I1092" s="46">
        <v>3.4</v>
      </c>
      <c r="J1092" s="47">
        <v>8</v>
      </c>
    </row>
    <row r="1093" spans="2:10" x14ac:dyDescent="0.2">
      <c r="B1093" s="76"/>
      <c r="C1093" s="39" t="s">
        <v>65</v>
      </c>
      <c r="D1093" s="45">
        <v>312</v>
      </c>
      <c r="E1093" s="46">
        <v>3.5</v>
      </c>
      <c r="F1093" s="46">
        <v>4.2</v>
      </c>
      <c r="G1093" s="46">
        <v>72.099999999999994</v>
      </c>
      <c r="H1093" s="46">
        <v>8.3000000000000007</v>
      </c>
      <c r="I1093" s="46">
        <v>5.4</v>
      </c>
      <c r="J1093" s="47">
        <v>6.4</v>
      </c>
    </row>
    <row r="1094" spans="2:10" x14ac:dyDescent="0.2">
      <c r="B1094" s="76"/>
      <c r="C1094" s="39" t="s">
        <v>66</v>
      </c>
      <c r="D1094" s="45">
        <v>230</v>
      </c>
      <c r="E1094" s="46">
        <v>0</v>
      </c>
      <c r="F1094" s="46">
        <v>0.4</v>
      </c>
      <c r="G1094" s="46">
        <v>76.099999999999994</v>
      </c>
      <c r="H1094" s="46">
        <v>13.5</v>
      </c>
      <c r="I1094" s="46">
        <v>3.9</v>
      </c>
      <c r="J1094" s="47">
        <v>6.1</v>
      </c>
    </row>
    <row r="1095" spans="2:10" x14ac:dyDescent="0.2">
      <c r="B1095" s="76"/>
      <c r="C1095" s="39" t="s">
        <v>67</v>
      </c>
      <c r="D1095" s="45">
        <v>78</v>
      </c>
      <c r="E1095" s="46">
        <v>1.3</v>
      </c>
      <c r="F1095" s="46">
        <v>2.6</v>
      </c>
      <c r="G1095" s="46">
        <v>67.900000000000006</v>
      </c>
      <c r="H1095" s="46">
        <v>12.8</v>
      </c>
      <c r="I1095" s="46">
        <v>9</v>
      </c>
      <c r="J1095" s="47">
        <v>6.4</v>
      </c>
    </row>
    <row r="1096" spans="2:10" x14ac:dyDescent="0.2">
      <c r="B1096" s="76"/>
      <c r="C1096" s="39" t="s">
        <v>68</v>
      </c>
      <c r="D1096" s="45">
        <v>897</v>
      </c>
      <c r="E1096" s="46">
        <v>3.3</v>
      </c>
      <c r="F1096" s="46">
        <v>3.3</v>
      </c>
      <c r="G1096" s="46">
        <v>72.599999999999994</v>
      </c>
      <c r="H1096" s="46">
        <v>10.1</v>
      </c>
      <c r="I1096" s="46">
        <v>2.7</v>
      </c>
      <c r="J1096" s="47">
        <v>7.9</v>
      </c>
    </row>
    <row r="1097" spans="2:10" x14ac:dyDescent="0.2">
      <c r="B1097" s="76"/>
      <c r="C1097" s="39" t="s">
        <v>69</v>
      </c>
      <c r="D1097" s="45">
        <v>189</v>
      </c>
      <c r="E1097" s="46">
        <v>1.6</v>
      </c>
      <c r="F1097" s="46">
        <v>2.1</v>
      </c>
      <c r="G1097" s="46">
        <v>57.7</v>
      </c>
      <c r="H1097" s="46">
        <v>7.9</v>
      </c>
      <c r="I1097" s="46">
        <v>15.9</v>
      </c>
      <c r="J1097" s="47">
        <v>14.8</v>
      </c>
    </row>
    <row r="1098" spans="2:10" x14ac:dyDescent="0.2">
      <c r="B1098" s="76"/>
      <c r="C1098" s="39" t="s">
        <v>70</v>
      </c>
      <c r="D1098" s="45">
        <v>914</v>
      </c>
      <c r="E1098" s="46">
        <v>3.5</v>
      </c>
      <c r="F1098" s="46">
        <v>3.7</v>
      </c>
      <c r="G1098" s="46">
        <v>61.5</v>
      </c>
      <c r="H1098" s="46">
        <v>5.4</v>
      </c>
      <c r="I1098" s="46">
        <v>12.5</v>
      </c>
      <c r="J1098" s="47">
        <v>13.5</v>
      </c>
    </row>
    <row r="1099" spans="2:10" ht="21.6" x14ac:dyDescent="0.2">
      <c r="B1099" s="76"/>
      <c r="C1099" s="39" t="s">
        <v>63</v>
      </c>
      <c r="D1099" s="45">
        <v>193</v>
      </c>
      <c r="E1099" s="46">
        <v>5.2</v>
      </c>
      <c r="F1099" s="46">
        <v>5.2</v>
      </c>
      <c r="G1099" s="46">
        <v>52.3</v>
      </c>
      <c r="H1099" s="46">
        <v>5.2</v>
      </c>
      <c r="I1099" s="46">
        <v>6.7</v>
      </c>
      <c r="J1099" s="47">
        <v>25.4</v>
      </c>
    </row>
    <row r="1100" spans="2:10" x14ac:dyDescent="0.2">
      <c r="B1100" s="76"/>
      <c r="C1100" s="39" t="s">
        <v>64</v>
      </c>
      <c r="D1100" s="45">
        <v>203</v>
      </c>
      <c r="E1100" s="46">
        <v>3.9</v>
      </c>
      <c r="F1100" s="46">
        <v>3.9</v>
      </c>
      <c r="G1100" s="46">
        <v>56.2</v>
      </c>
      <c r="H1100" s="46">
        <v>9.4</v>
      </c>
      <c r="I1100" s="46">
        <v>12.3</v>
      </c>
      <c r="J1100" s="47">
        <v>14.3</v>
      </c>
    </row>
    <row r="1101" spans="2:10" x14ac:dyDescent="0.2">
      <c r="B1101" s="76"/>
      <c r="C1101" s="39" t="s">
        <v>65</v>
      </c>
      <c r="D1101" s="45">
        <v>263</v>
      </c>
      <c r="E1101" s="46">
        <v>3</v>
      </c>
      <c r="F1101" s="46">
        <v>3.4</v>
      </c>
      <c r="G1101" s="46">
        <v>68.400000000000006</v>
      </c>
      <c r="H1101" s="46">
        <v>3.4</v>
      </c>
      <c r="I1101" s="46">
        <v>11.8</v>
      </c>
      <c r="J1101" s="47">
        <v>9.9</v>
      </c>
    </row>
    <row r="1102" spans="2:10" x14ac:dyDescent="0.2">
      <c r="B1102" s="76"/>
      <c r="C1102" s="39" t="s">
        <v>66</v>
      </c>
      <c r="D1102" s="45">
        <v>194</v>
      </c>
      <c r="E1102" s="46">
        <v>2.1</v>
      </c>
      <c r="F1102" s="46">
        <v>3.6</v>
      </c>
      <c r="G1102" s="46">
        <v>67</v>
      </c>
      <c r="H1102" s="46">
        <v>4.0999999999999996</v>
      </c>
      <c r="I1102" s="46">
        <v>14.4</v>
      </c>
      <c r="J1102" s="47">
        <v>8.8000000000000007</v>
      </c>
    </row>
    <row r="1103" spans="2:10" x14ac:dyDescent="0.2">
      <c r="B1103" s="76"/>
      <c r="C1103" s="39" t="s">
        <v>67</v>
      </c>
      <c r="D1103" s="45">
        <v>61</v>
      </c>
      <c r="E1103" s="46">
        <v>3.3</v>
      </c>
      <c r="F1103" s="46">
        <v>0</v>
      </c>
      <c r="G1103" s="46">
        <v>60.7</v>
      </c>
      <c r="H1103" s="46">
        <v>4.9000000000000004</v>
      </c>
      <c r="I1103" s="46">
        <v>27.9</v>
      </c>
      <c r="J1103" s="47">
        <v>3.3</v>
      </c>
    </row>
    <row r="1104" spans="2:10" x14ac:dyDescent="0.2">
      <c r="B1104" s="76"/>
      <c r="C1104" s="39" t="s">
        <v>68</v>
      </c>
      <c r="D1104" s="45">
        <v>416</v>
      </c>
      <c r="E1104" s="46">
        <v>4.5999999999999996</v>
      </c>
      <c r="F1104" s="46">
        <v>3.4</v>
      </c>
      <c r="G1104" s="46">
        <v>67.5</v>
      </c>
      <c r="H1104" s="46">
        <v>7</v>
      </c>
      <c r="I1104" s="46">
        <v>4.3</v>
      </c>
      <c r="J1104" s="47">
        <v>13.2</v>
      </c>
    </row>
    <row r="1105" spans="1:25" x14ac:dyDescent="0.2">
      <c r="B1105" s="76"/>
      <c r="C1105" s="40" t="s">
        <v>69</v>
      </c>
      <c r="D1105" s="48">
        <v>498</v>
      </c>
      <c r="E1105" s="49">
        <v>2.6</v>
      </c>
      <c r="F1105" s="49">
        <v>4</v>
      </c>
      <c r="G1105" s="49">
        <v>56.4</v>
      </c>
      <c r="H1105" s="49">
        <v>4</v>
      </c>
      <c r="I1105" s="49">
        <v>19.3</v>
      </c>
      <c r="J1105" s="50">
        <v>13.7</v>
      </c>
    </row>
    <row r="1106" spans="1:25" x14ac:dyDescent="0.2">
      <c r="B1106" s="7" t="s">
        <v>71</v>
      </c>
      <c r="C1106" s="4" t="s">
        <v>106</v>
      </c>
    </row>
    <row r="1107" spans="1:25" x14ac:dyDescent="0.2">
      <c r="B1107" s="4"/>
      <c r="C1107" s="4" t="s">
        <v>73</v>
      </c>
    </row>
    <row r="1109" spans="1:25" x14ac:dyDescent="0.2">
      <c r="A1109" s="26" t="s">
        <v>25</v>
      </c>
      <c r="B1109" t="s">
        <v>35</v>
      </c>
      <c r="C1109" t="s">
        <v>35</v>
      </c>
    </row>
    <row r="1110" spans="1:25" x14ac:dyDescent="0.2">
      <c r="B1110" s="74" t="s">
        <v>107</v>
      </c>
      <c r="C1110" s="75"/>
      <c r="D1110" s="75"/>
      <c r="E1110" s="75"/>
      <c r="F1110" s="75"/>
      <c r="G1110" s="75"/>
      <c r="H1110" s="75"/>
      <c r="I1110" s="75"/>
      <c r="J1110" s="75"/>
      <c r="K1110" s="75"/>
      <c r="L1110" s="75"/>
      <c r="M1110" s="75"/>
      <c r="N1110" s="75"/>
      <c r="O1110" s="75"/>
      <c r="P1110" s="75"/>
      <c r="Q1110" s="75"/>
      <c r="R1110" s="75"/>
      <c r="S1110" s="75"/>
      <c r="T1110" s="75"/>
      <c r="U1110" s="75"/>
      <c r="V1110" s="75"/>
      <c r="W1110" s="75"/>
      <c r="X1110" s="75"/>
      <c r="Y1110" s="75"/>
    </row>
    <row r="1111" spans="1:25" s="32" customFormat="1" ht="36.450000000000003" customHeight="1" x14ac:dyDescent="0.15">
      <c r="A1111" s="31"/>
      <c r="D1111" s="33" t="s">
        <v>242</v>
      </c>
      <c r="E1111" s="35" t="s">
        <v>285</v>
      </c>
      <c r="F1111" s="36" t="s">
        <v>287</v>
      </c>
      <c r="G1111" s="36" t="s">
        <v>279</v>
      </c>
      <c r="H1111" s="36" t="s">
        <v>286</v>
      </c>
      <c r="I1111" s="36" t="s">
        <v>288</v>
      </c>
      <c r="J1111" s="37" t="s">
        <v>276</v>
      </c>
      <c r="K1111" s="34" t="s">
        <v>251</v>
      </c>
    </row>
    <row r="1112" spans="1:25" x14ac:dyDescent="0.2">
      <c r="B1112" s="5"/>
      <c r="C1112" s="41" t="s">
        <v>38</v>
      </c>
      <c r="D1112" s="42">
        <v>2000</v>
      </c>
      <c r="E1112" s="43">
        <v>5.6</v>
      </c>
      <c r="F1112" s="43">
        <v>2.6</v>
      </c>
      <c r="G1112" s="43">
        <v>52.1</v>
      </c>
      <c r="H1112" s="43">
        <v>14.8</v>
      </c>
      <c r="I1112" s="43">
        <v>14.2</v>
      </c>
      <c r="J1112" s="44">
        <v>10.8</v>
      </c>
    </row>
    <row r="1113" spans="1:25" x14ac:dyDescent="0.2">
      <c r="B1113" s="76" t="s">
        <v>37</v>
      </c>
      <c r="C1113" s="39" t="s">
        <v>39</v>
      </c>
      <c r="D1113" s="45">
        <v>111</v>
      </c>
      <c r="E1113" s="46">
        <v>7.2</v>
      </c>
      <c r="F1113" s="46">
        <v>2.7</v>
      </c>
      <c r="G1113" s="46">
        <v>55.9</v>
      </c>
      <c r="H1113" s="46">
        <v>19.8</v>
      </c>
      <c r="I1113" s="46">
        <v>8.1</v>
      </c>
      <c r="J1113" s="47">
        <v>6.3</v>
      </c>
    </row>
    <row r="1114" spans="1:25" x14ac:dyDescent="0.2">
      <c r="B1114" s="76"/>
      <c r="C1114" s="39" t="s">
        <v>40</v>
      </c>
      <c r="D1114" s="45">
        <v>450</v>
      </c>
      <c r="E1114" s="46">
        <v>5.6</v>
      </c>
      <c r="F1114" s="46">
        <v>2.2000000000000002</v>
      </c>
      <c r="G1114" s="46">
        <v>54.2</v>
      </c>
      <c r="H1114" s="46">
        <v>18.7</v>
      </c>
      <c r="I1114" s="46">
        <v>10.7</v>
      </c>
      <c r="J1114" s="47">
        <v>8.6999999999999993</v>
      </c>
    </row>
    <row r="1115" spans="1:25" ht="21.6" x14ac:dyDescent="0.2">
      <c r="B1115" s="76"/>
      <c r="C1115" s="39" t="s">
        <v>41</v>
      </c>
      <c r="D1115" s="45">
        <v>30</v>
      </c>
      <c r="E1115" s="46">
        <v>3.3</v>
      </c>
      <c r="F1115" s="46">
        <v>3.3</v>
      </c>
      <c r="G1115" s="46">
        <v>56.7</v>
      </c>
      <c r="H1115" s="46">
        <v>6.7</v>
      </c>
      <c r="I1115" s="46">
        <v>10</v>
      </c>
      <c r="J1115" s="47">
        <v>20</v>
      </c>
    </row>
    <row r="1116" spans="1:25" ht="21.6" x14ac:dyDescent="0.2">
      <c r="B1116" s="76"/>
      <c r="C1116" s="39" t="s">
        <v>42</v>
      </c>
      <c r="D1116" s="45">
        <v>336</v>
      </c>
      <c r="E1116" s="46">
        <v>7.7</v>
      </c>
      <c r="F1116" s="46">
        <v>1.8</v>
      </c>
      <c r="G1116" s="46">
        <v>54.5</v>
      </c>
      <c r="H1116" s="46">
        <v>14</v>
      </c>
      <c r="I1116" s="46">
        <v>8.9</v>
      </c>
      <c r="J1116" s="47">
        <v>13.1</v>
      </c>
    </row>
    <row r="1117" spans="1:25" ht="21.6" x14ac:dyDescent="0.2">
      <c r="B1117" s="76"/>
      <c r="C1117" s="39" t="s">
        <v>43</v>
      </c>
      <c r="D1117" s="45">
        <v>327</v>
      </c>
      <c r="E1117" s="46">
        <v>4</v>
      </c>
      <c r="F1117" s="46">
        <v>1.5</v>
      </c>
      <c r="G1117" s="46">
        <v>47.1</v>
      </c>
      <c r="H1117" s="46">
        <v>13.5</v>
      </c>
      <c r="I1117" s="46">
        <v>22.9</v>
      </c>
      <c r="J1117" s="47">
        <v>11</v>
      </c>
    </row>
    <row r="1118" spans="1:25" ht="21.6" x14ac:dyDescent="0.2">
      <c r="B1118" s="76"/>
      <c r="C1118" s="39" t="s">
        <v>44</v>
      </c>
      <c r="D1118" s="45">
        <v>181</v>
      </c>
      <c r="E1118" s="46">
        <v>5</v>
      </c>
      <c r="F1118" s="46">
        <v>7.2</v>
      </c>
      <c r="G1118" s="46">
        <v>55.2</v>
      </c>
      <c r="H1118" s="46">
        <v>14.4</v>
      </c>
      <c r="I1118" s="46">
        <v>8.8000000000000007</v>
      </c>
      <c r="J1118" s="47">
        <v>9.4</v>
      </c>
    </row>
    <row r="1119" spans="1:25" ht="21.6" x14ac:dyDescent="0.2">
      <c r="B1119" s="76"/>
      <c r="C1119" s="39" t="s">
        <v>45</v>
      </c>
      <c r="D1119" s="45">
        <v>565</v>
      </c>
      <c r="E1119" s="46">
        <v>5.3</v>
      </c>
      <c r="F1119" s="46">
        <v>2.5</v>
      </c>
      <c r="G1119" s="46">
        <v>49.7</v>
      </c>
      <c r="H1119" s="46">
        <v>12.6</v>
      </c>
      <c r="I1119" s="46">
        <v>18.2</v>
      </c>
      <c r="J1119" s="47">
        <v>11.7</v>
      </c>
    </row>
    <row r="1120" spans="1:25" ht="21.6" x14ac:dyDescent="0.2">
      <c r="B1120" s="76"/>
      <c r="C1120" s="39" t="s">
        <v>46</v>
      </c>
      <c r="D1120" s="45">
        <v>473</v>
      </c>
      <c r="E1120" s="46">
        <v>4</v>
      </c>
      <c r="F1120" s="46">
        <v>2.2999999999999998</v>
      </c>
      <c r="G1120" s="46">
        <v>43.1</v>
      </c>
      <c r="H1120" s="46">
        <v>12.9</v>
      </c>
      <c r="I1120" s="46">
        <v>24.5</v>
      </c>
      <c r="J1120" s="47">
        <v>13.1</v>
      </c>
    </row>
    <row r="1121" spans="2:25" ht="21.6" x14ac:dyDescent="0.2">
      <c r="B1121" s="76"/>
      <c r="C1121" s="39" t="s">
        <v>47</v>
      </c>
      <c r="D1121" s="45">
        <v>441</v>
      </c>
      <c r="E1121" s="46">
        <v>5.9</v>
      </c>
      <c r="F1121" s="46">
        <v>2.2999999999999998</v>
      </c>
      <c r="G1121" s="46">
        <v>59</v>
      </c>
      <c r="H1121" s="46">
        <v>14.3</v>
      </c>
      <c r="I1121" s="46">
        <v>11.6</v>
      </c>
      <c r="J1121" s="47">
        <v>7</v>
      </c>
    </row>
    <row r="1122" spans="2:25" ht="21.6" x14ac:dyDescent="0.2">
      <c r="B1122" s="76"/>
      <c r="C1122" s="39" t="s">
        <v>48</v>
      </c>
      <c r="D1122" s="45">
        <v>305</v>
      </c>
      <c r="E1122" s="46">
        <v>4.9000000000000004</v>
      </c>
      <c r="F1122" s="46">
        <v>3</v>
      </c>
      <c r="G1122" s="46">
        <v>53.1</v>
      </c>
      <c r="H1122" s="46">
        <v>21.6</v>
      </c>
      <c r="I1122" s="46">
        <v>10.5</v>
      </c>
      <c r="J1122" s="47">
        <v>6.9</v>
      </c>
    </row>
    <row r="1123" spans="2:25" ht="21.6" x14ac:dyDescent="0.2">
      <c r="B1123" s="76"/>
      <c r="C1123" s="39" t="s">
        <v>49</v>
      </c>
      <c r="D1123" s="45">
        <v>223</v>
      </c>
      <c r="E1123" s="46">
        <v>10.3</v>
      </c>
      <c r="F1123" s="46">
        <v>3.6</v>
      </c>
      <c r="G1123" s="46">
        <v>52</v>
      </c>
      <c r="H1123" s="46">
        <v>18.399999999999999</v>
      </c>
      <c r="I1123" s="46">
        <v>9.4</v>
      </c>
      <c r="J1123" s="47">
        <v>6.3</v>
      </c>
    </row>
    <row r="1124" spans="2:25" ht="21.6" x14ac:dyDescent="0.2">
      <c r="B1124" s="76"/>
      <c r="C1124" s="39" t="s">
        <v>50</v>
      </c>
      <c r="D1124" s="45">
        <v>123</v>
      </c>
      <c r="E1124" s="46">
        <v>6.5</v>
      </c>
      <c r="F1124" s="46">
        <v>2.4</v>
      </c>
      <c r="G1124" s="46">
        <v>64.2</v>
      </c>
      <c r="H1124" s="46">
        <v>17.899999999999999</v>
      </c>
      <c r="I1124" s="46">
        <v>4.0999999999999996</v>
      </c>
      <c r="J1124" s="47">
        <v>4.9000000000000004</v>
      </c>
    </row>
    <row r="1125" spans="2:25" ht="21.6" x14ac:dyDescent="0.2">
      <c r="B1125" s="76"/>
      <c r="C1125" s="39" t="s">
        <v>51</v>
      </c>
      <c r="D1125" s="45">
        <v>124</v>
      </c>
      <c r="E1125" s="46">
        <v>8.1</v>
      </c>
      <c r="F1125" s="46">
        <v>2.4</v>
      </c>
      <c r="G1125" s="46">
        <v>63.7</v>
      </c>
      <c r="H1125" s="46">
        <v>10.5</v>
      </c>
      <c r="I1125" s="46">
        <v>10.5</v>
      </c>
      <c r="J1125" s="47">
        <v>4.8</v>
      </c>
    </row>
    <row r="1126" spans="2:25" ht="21.6" x14ac:dyDescent="0.2">
      <c r="B1126" s="76"/>
      <c r="C1126" s="39" t="s">
        <v>52</v>
      </c>
      <c r="D1126" s="45">
        <v>312</v>
      </c>
      <c r="E1126" s="46">
        <v>5.0999999999999996</v>
      </c>
      <c r="F1126" s="46">
        <v>2.9</v>
      </c>
      <c r="G1126" s="46">
        <v>54.8</v>
      </c>
      <c r="H1126" s="46">
        <v>10.6</v>
      </c>
      <c r="I1126" s="46">
        <v>18.3</v>
      </c>
      <c r="J1126" s="47">
        <v>8.3000000000000007</v>
      </c>
    </row>
    <row r="1127" spans="2:25" x14ac:dyDescent="0.2">
      <c r="B1127" s="76"/>
      <c r="C1127" s="39" t="s">
        <v>53</v>
      </c>
      <c r="D1127" s="45">
        <v>269</v>
      </c>
      <c r="E1127" s="46">
        <v>2.6</v>
      </c>
      <c r="F1127" s="46">
        <v>5.2</v>
      </c>
      <c r="G1127" s="46">
        <v>49.1</v>
      </c>
      <c r="H1127" s="46">
        <v>15.6</v>
      </c>
      <c r="I1127" s="46">
        <v>19</v>
      </c>
      <c r="J1127" s="47">
        <v>8.6</v>
      </c>
    </row>
    <row r="1128" spans="2:25" ht="21.6" x14ac:dyDescent="0.2">
      <c r="B1128" s="76"/>
      <c r="C1128" s="39" t="s">
        <v>54</v>
      </c>
      <c r="D1128" s="45">
        <v>511</v>
      </c>
      <c r="E1128" s="46">
        <v>7.4</v>
      </c>
      <c r="F1128" s="46">
        <v>2.2000000000000002</v>
      </c>
      <c r="G1128" s="46">
        <v>51.5</v>
      </c>
      <c r="H1128" s="46">
        <v>19.399999999999999</v>
      </c>
      <c r="I1128" s="46">
        <v>11.4</v>
      </c>
      <c r="J1128" s="47">
        <v>8.1999999999999993</v>
      </c>
    </row>
    <row r="1129" spans="2:25" ht="21.6" x14ac:dyDescent="0.2">
      <c r="B1129" s="76"/>
      <c r="C1129" s="39" t="s">
        <v>55</v>
      </c>
      <c r="D1129" s="45">
        <v>615</v>
      </c>
      <c r="E1129" s="46">
        <v>7.6</v>
      </c>
      <c r="F1129" s="46">
        <v>2.1</v>
      </c>
      <c r="G1129" s="46">
        <v>58.5</v>
      </c>
      <c r="H1129" s="46">
        <v>15.8</v>
      </c>
      <c r="I1129" s="46">
        <v>7.5</v>
      </c>
      <c r="J1129" s="47">
        <v>8.5</v>
      </c>
    </row>
    <row r="1130" spans="2:25" ht="21.6" x14ac:dyDescent="0.2">
      <c r="B1130" s="76"/>
      <c r="C1130" s="39" t="s">
        <v>56</v>
      </c>
      <c r="D1130" s="45">
        <v>800</v>
      </c>
      <c r="E1130" s="46">
        <v>7</v>
      </c>
      <c r="F1130" s="46">
        <v>3.1</v>
      </c>
      <c r="G1130" s="46">
        <v>54.5</v>
      </c>
      <c r="H1130" s="46">
        <v>18.100000000000001</v>
      </c>
      <c r="I1130" s="46">
        <v>7</v>
      </c>
      <c r="J1130" s="47">
        <v>10.3</v>
      </c>
    </row>
    <row r="1131" spans="2:25" x14ac:dyDescent="0.2">
      <c r="B1131" s="76"/>
      <c r="C1131" s="40" t="s">
        <v>57</v>
      </c>
      <c r="D1131" s="48">
        <v>798</v>
      </c>
      <c r="E1131" s="49">
        <v>6.1</v>
      </c>
      <c r="F1131" s="49">
        <v>2.5</v>
      </c>
      <c r="G1131" s="49">
        <v>55</v>
      </c>
      <c r="H1131" s="49">
        <v>15.3</v>
      </c>
      <c r="I1131" s="49">
        <v>15.3</v>
      </c>
      <c r="J1131" s="50">
        <v>5.8</v>
      </c>
    </row>
    <row r="1132" spans="2:25" x14ac:dyDescent="0.2">
      <c r="B1132" s="7" t="s">
        <v>71</v>
      </c>
      <c r="C1132" s="4" t="s">
        <v>108</v>
      </c>
    </row>
    <row r="1133" spans="2:25" x14ac:dyDescent="0.2">
      <c r="B1133" s="4"/>
      <c r="C1133" s="4" t="s">
        <v>73</v>
      </c>
    </row>
    <row r="1135" spans="2:25" x14ac:dyDescent="0.2">
      <c r="C1135" t="s">
        <v>35</v>
      </c>
    </row>
    <row r="1136" spans="2:25" x14ac:dyDescent="0.2">
      <c r="B1136" s="74" t="s">
        <v>199</v>
      </c>
      <c r="C1136" s="75"/>
      <c r="D1136" s="75"/>
      <c r="E1136" s="75"/>
      <c r="F1136" s="75"/>
      <c r="G1136" s="75"/>
      <c r="H1136" s="75"/>
      <c r="I1136" s="75"/>
      <c r="J1136" s="75"/>
      <c r="K1136" s="75"/>
      <c r="L1136" s="75"/>
      <c r="M1136" s="75"/>
      <c r="N1136" s="75"/>
      <c r="O1136" s="75"/>
      <c r="P1136" s="75"/>
      <c r="Q1136" s="75"/>
      <c r="R1136" s="75"/>
      <c r="S1136" s="75"/>
      <c r="T1136" s="75"/>
      <c r="U1136" s="75"/>
      <c r="V1136" s="75"/>
      <c r="W1136" s="75"/>
      <c r="X1136" s="75"/>
      <c r="Y1136" s="75"/>
    </row>
    <row r="1137" spans="1:11" s="32" customFormat="1" ht="36.450000000000003" customHeight="1" x14ac:dyDescent="0.15">
      <c r="A1137" s="31"/>
      <c r="D1137" s="33" t="s">
        <v>242</v>
      </c>
      <c r="E1137" s="35" t="s">
        <v>285</v>
      </c>
      <c r="F1137" s="36" t="s">
        <v>287</v>
      </c>
      <c r="G1137" s="36" t="s">
        <v>279</v>
      </c>
      <c r="H1137" s="36" t="s">
        <v>286</v>
      </c>
      <c r="I1137" s="36" t="s">
        <v>288</v>
      </c>
      <c r="J1137" s="37" t="s">
        <v>276</v>
      </c>
      <c r="K1137" s="34" t="s">
        <v>251</v>
      </c>
    </row>
    <row r="1138" spans="1:11" ht="21.6" x14ac:dyDescent="0.2">
      <c r="B1138" s="76" t="s">
        <v>37</v>
      </c>
      <c r="C1138" s="38" t="s">
        <v>58</v>
      </c>
      <c r="D1138" s="51">
        <v>609</v>
      </c>
      <c r="E1138" s="52">
        <v>6.2</v>
      </c>
      <c r="F1138" s="52">
        <v>4.4000000000000004</v>
      </c>
      <c r="G1138" s="52">
        <v>52.7</v>
      </c>
      <c r="H1138" s="52">
        <v>18.600000000000001</v>
      </c>
      <c r="I1138" s="52">
        <v>6.7</v>
      </c>
      <c r="J1138" s="53">
        <v>11.3</v>
      </c>
    </row>
    <row r="1139" spans="1:11" ht="21.6" x14ac:dyDescent="0.2">
      <c r="B1139" s="76"/>
      <c r="C1139" s="39" t="s">
        <v>59</v>
      </c>
      <c r="D1139" s="45">
        <v>1391</v>
      </c>
      <c r="E1139" s="46">
        <v>5.3</v>
      </c>
      <c r="F1139" s="46">
        <v>1.8</v>
      </c>
      <c r="G1139" s="46">
        <v>51.8</v>
      </c>
      <c r="H1139" s="46">
        <v>13.2</v>
      </c>
      <c r="I1139" s="46">
        <v>17.5</v>
      </c>
      <c r="J1139" s="47">
        <v>10.5</v>
      </c>
    </row>
    <row r="1140" spans="1:11" x14ac:dyDescent="0.2">
      <c r="B1140" s="76"/>
      <c r="C1140" s="39" t="s">
        <v>60</v>
      </c>
      <c r="D1140" s="45">
        <v>1325</v>
      </c>
      <c r="E1140" s="46">
        <v>6.3</v>
      </c>
      <c r="F1140" s="46">
        <v>2.8</v>
      </c>
      <c r="G1140" s="46">
        <v>52.2</v>
      </c>
      <c r="H1140" s="46">
        <v>14.4</v>
      </c>
      <c r="I1140" s="46">
        <v>13.4</v>
      </c>
      <c r="J1140" s="47">
        <v>10.9</v>
      </c>
    </row>
    <row r="1141" spans="1:11" x14ac:dyDescent="0.2">
      <c r="B1141" s="76"/>
      <c r="C1141" s="39" t="s">
        <v>61</v>
      </c>
      <c r="D1141" s="45">
        <v>675</v>
      </c>
      <c r="E1141" s="46">
        <v>4.3</v>
      </c>
      <c r="F1141" s="46">
        <v>2.2000000000000002</v>
      </c>
      <c r="G1141" s="46">
        <v>51.9</v>
      </c>
      <c r="H1141" s="46">
        <v>15.6</v>
      </c>
      <c r="I1141" s="46">
        <v>15.7</v>
      </c>
      <c r="J1141" s="47">
        <v>10.4</v>
      </c>
    </row>
    <row r="1142" spans="1:11" x14ac:dyDescent="0.2">
      <c r="B1142" s="76"/>
      <c r="C1142" s="39" t="s">
        <v>62</v>
      </c>
      <c r="D1142" s="45">
        <v>1086</v>
      </c>
      <c r="E1142" s="46">
        <v>5.6</v>
      </c>
      <c r="F1142" s="46">
        <v>2.8</v>
      </c>
      <c r="G1142" s="46">
        <v>56.7</v>
      </c>
      <c r="H1142" s="46">
        <v>16.899999999999999</v>
      </c>
      <c r="I1142" s="46">
        <v>8.6999999999999993</v>
      </c>
      <c r="J1142" s="47">
        <v>9.1999999999999993</v>
      </c>
    </row>
    <row r="1143" spans="1:11" ht="21.6" x14ac:dyDescent="0.2">
      <c r="B1143" s="76"/>
      <c r="C1143" s="39" t="s">
        <v>63</v>
      </c>
      <c r="D1143" s="45">
        <v>203</v>
      </c>
      <c r="E1143" s="46">
        <v>2.5</v>
      </c>
      <c r="F1143" s="46">
        <v>3.4</v>
      </c>
      <c r="G1143" s="46">
        <v>54.2</v>
      </c>
      <c r="H1143" s="46">
        <v>9.9</v>
      </c>
      <c r="I1143" s="46">
        <v>10.8</v>
      </c>
      <c r="J1143" s="47">
        <v>19.2</v>
      </c>
    </row>
    <row r="1144" spans="1:11" x14ac:dyDescent="0.2">
      <c r="B1144" s="76"/>
      <c r="C1144" s="39" t="s">
        <v>64</v>
      </c>
      <c r="D1144" s="45">
        <v>263</v>
      </c>
      <c r="E1144" s="46">
        <v>10.3</v>
      </c>
      <c r="F1144" s="46">
        <v>5.3</v>
      </c>
      <c r="G1144" s="46">
        <v>54.8</v>
      </c>
      <c r="H1144" s="46">
        <v>16.7</v>
      </c>
      <c r="I1144" s="46">
        <v>5.3</v>
      </c>
      <c r="J1144" s="47">
        <v>7.6</v>
      </c>
    </row>
    <row r="1145" spans="1:11" x14ac:dyDescent="0.2">
      <c r="B1145" s="76"/>
      <c r="C1145" s="39" t="s">
        <v>65</v>
      </c>
      <c r="D1145" s="45">
        <v>312</v>
      </c>
      <c r="E1145" s="46">
        <v>5.8</v>
      </c>
      <c r="F1145" s="46">
        <v>1.9</v>
      </c>
      <c r="G1145" s="46">
        <v>58.3</v>
      </c>
      <c r="H1145" s="46">
        <v>17.899999999999999</v>
      </c>
      <c r="I1145" s="46">
        <v>9.3000000000000007</v>
      </c>
      <c r="J1145" s="47">
        <v>6.7</v>
      </c>
    </row>
    <row r="1146" spans="1:11" x14ac:dyDescent="0.2">
      <c r="B1146" s="76"/>
      <c r="C1146" s="39" t="s">
        <v>66</v>
      </c>
      <c r="D1146" s="45">
        <v>230</v>
      </c>
      <c r="E1146" s="46">
        <v>3.9</v>
      </c>
      <c r="F1146" s="46">
        <v>0.9</v>
      </c>
      <c r="G1146" s="46">
        <v>59.6</v>
      </c>
      <c r="H1146" s="46">
        <v>21.7</v>
      </c>
      <c r="I1146" s="46">
        <v>7.4</v>
      </c>
      <c r="J1146" s="47">
        <v>6.5</v>
      </c>
    </row>
    <row r="1147" spans="1:11" x14ac:dyDescent="0.2">
      <c r="B1147" s="76"/>
      <c r="C1147" s="39" t="s">
        <v>67</v>
      </c>
      <c r="D1147" s="45">
        <v>78</v>
      </c>
      <c r="E1147" s="46">
        <v>2.6</v>
      </c>
      <c r="F1147" s="46">
        <v>1.3</v>
      </c>
      <c r="G1147" s="46">
        <v>55.1</v>
      </c>
      <c r="H1147" s="46">
        <v>17.899999999999999</v>
      </c>
      <c r="I1147" s="46">
        <v>16.7</v>
      </c>
      <c r="J1147" s="47">
        <v>6.4</v>
      </c>
    </row>
    <row r="1148" spans="1:11" x14ac:dyDescent="0.2">
      <c r="B1148" s="76"/>
      <c r="C1148" s="39" t="s">
        <v>68</v>
      </c>
      <c r="D1148" s="45">
        <v>897</v>
      </c>
      <c r="E1148" s="46">
        <v>6.7</v>
      </c>
      <c r="F1148" s="46">
        <v>3</v>
      </c>
      <c r="G1148" s="46">
        <v>59.3</v>
      </c>
      <c r="H1148" s="46">
        <v>19</v>
      </c>
      <c r="I1148" s="46">
        <v>3.9</v>
      </c>
      <c r="J1148" s="47">
        <v>8.1</v>
      </c>
    </row>
    <row r="1149" spans="1:11" x14ac:dyDescent="0.2">
      <c r="B1149" s="76"/>
      <c r="C1149" s="39" t="s">
        <v>69</v>
      </c>
      <c r="D1149" s="45">
        <v>189</v>
      </c>
      <c r="E1149" s="46">
        <v>0.5</v>
      </c>
      <c r="F1149" s="46">
        <v>1.6</v>
      </c>
      <c r="G1149" s="46">
        <v>44.4</v>
      </c>
      <c r="H1149" s="46">
        <v>7.4</v>
      </c>
      <c r="I1149" s="46">
        <v>31.7</v>
      </c>
      <c r="J1149" s="47">
        <v>14.3</v>
      </c>
    </row>
    <row r="1150" spans="1:11" x14ac:dyDescent="0.2">
      <c r="B1150" s="76"/>
      <c r="C1150" s="39" t="s">
        <v>70</v>
      </c>
      <c r="D1150" s="45">
        <v>914</v>
      </c>
      <c r="E1150" s="46">
        <v>5.6</v>
      </c>
      <c r="F1150" s="46">
        <v>2.4</v>
      </c>
      <c r="G1150" s="46">
        <v>46.5</v>
      </c>
      <c r="H1150" s="46">
        <v>12.3</v>
      </c>
      <c r="I1150" s="46">
        <v>20.7</v>
      </c>
      <c r="J1150" s="47">
        <v>12.6</v>
      </c>
    </row>
    <row r="1151" spans="1:11" ht="21.6" x14ac:dyDescent="0.2">
      <c r="B1151" s="76"/>
      <c r="C1151" s="39" t="s">
        <v>63</v>
      </c>
      <c r="D1151" s="45">
        <v>193</v>
      </c>
      <c r="E1151" s="46">
        <v>7.3</v>
      </c>
      <c r="F1151" s="46">
        <v>1.6</v>
      </c>
      <c r="G1151" s="46">
        <v>41.5</v>
      </c>
      <c r="H1151" s="46">
        <v>15</v>
      </c>
      <c r="I1151" s="46">
        <v>9.3000000000000007</v>
      </c>
      <c r="J1151" s="47">
        <v>25.4</v>
      </c>
    </row>
    <row r="1152" spans="1:11" x14ac:dyDescent="0.2">
      <c r="B1152" s="76"/>
      <c r="C1152" s="39" t="s">
        <v>64</v>
      </c>
      <c r="D1152" s="45">
        <v>203</v>
      </c>
      <c r="E1152" s="46">
        <v>8.4</v>
      </c>
      <c r="F1152" s="46">
        <v>3</v>
      </c>
      <c r="G1152" s="46">
        <v>43.3</v>
      </c>
      <c r="H1152" s="46">
        <v>13.3</v>
      </c>
      <c r="I1152" s="46">
        <v>19.7</v>
      </c>
      <c r="J1152" s="47">
        <v>12.3</v>
      </c>
    </row>
    <row r="1153" spans="1:25" x14ac:dyDescent="0.2">
      <c r="B1153" s="76"/>
      <c r="C1153" s="39" t="s">
        <v>65</v>
      </c>
      <c r="D1153" s="45">
        <v>263</v>
      </c>
      <c r="E1153" s="46">
        <v>5.3</v>
      </c>
      <c r="F1153" s="46">
        <v>2.7</v>
      </c>
      <c r="G1153" s="46">
        <v>49</v>
      </c>
      <c r="H1153" s="46">
        <v>9.9</v>
      </c>
      <c r="I1153" s="46">
        <v>24.7</v>
      </c>
      <c r="J1153" s="47">
        <v>8.4</v>
      </c>
    </row>
    <row r="1154" spans="1:25" x14ac:dyDescent="0.2">
      <c r="B1154" s="76"/>
      <c r="C1154" s="39" t="s">
        <v>66</v>
      </c>
      <c r="D1154" s="45">
        <v>194</v>
      </c>
      <c r="E1154" s="46">
        <v>2.6</v>
      </c>
      <c r="F1154" s="46">
        <v>2.1</v>
      </c>
      <c r="G1154" s="46">
        <v>53.1</v>
      </c>
      <c r="H1154" s="46">
        <v>11.9</v>
      </c>
      <c r="I1154" s="46">
        <v>22.2</v>
      </c>
      <c r="J1154" s="47">
        <v>8.1999999999999993</v>
      </c>
    </row>
    <row r="1155" spans="1:25" x14ac:dyDescent="0.2">
      <c r="B1155" s="76"/>
      <c r="C1155" s="39" t="s">
        <v>67</v>
      </c>
      <c r="D1155" s="45">
        <v>61</v>
      </c>
      <c r="E1155" s="46">
        <v>1.6</v>
      </c>
      <c r="F1155" s="46">
        <v>3.3</v>
      </c>
      <c r="G1155" s="46">
        <v>41</v>
      </c>
      <c r="H1155" s="46">
        <v>11.5</v>
      </c>
      <c r="I1155" s="46">
        <v>37.700000000000003</v>
      </c>
      <c r="J1155" s="47">
        <v>4.9000000000000004</v>
      </c>
    </row>
    <row r="1156" spans="1:25" x14ac:dyDescent="0.2">
      <c r="B1156" s="76"/>
      <c r="C1156" s="39" t="s">
        <v>68</v>
      </c>
      <c r="D1156" s="45">
        <v>416</v>
      </c>
      <c r="E1156" s="46">
        <v>9.4</v>
      </c>
      <c r="F1156" s="46">
        <v>1.9</v>
      </c>
      <c r="G1156" s="46">
        <v>53.8</v>
      </c>
      <c r="H1156" s="46">
        <v>16.3</v>
      </c>
      <c r="I1156" s="46">
        <v>5.8</v>
      </c>
      <c r="J1156" s="47">
        <v>12.7</v>
      </c>
    </row>
    <row r="1157" spans="1:25" x14ac:dyDescent="0.2">
      <c r="B1157" s="76"/>
      <c r="C1157" s="40" t="s">
        <v>69</v>
      </c>
      <c r="D1157" s="48">
        <v>498</v>
      </c>
      <c r="E1157" s="49">
        <v>2.4</v>
      </c>
      <c r="F1157" s="49">
        <v>2.8</v>
      </c>
      <c r="G1157" s="49">
        <v>40.4</v>
      </c>
      <c r="H1157" s="49">
        <v>8.8000000000000007</v>
      </c>
      <c r="I1157" s="49">
        <v>33.1</v>
      </c>
      <c r="J1157" s="50">
        <v>12.4</v>
      </c>
    </row>
    <row r="1158" spans="1:25" x14ac:dyDescent="0.2">
      <c r="B1158" s="7" t="s">
        <v>71</v>
      </c>
      <c r="C1158" s="4" t="s">
        <v>108</v>
      </c>
    </row>
    <row r="1159" spans="1:25" x14ac:dyDescent="0.2">
      <c r="B1159" s="4"/>
      <c r="C1159" s="4" t="s">
        <v>73</v>
      </c>
    </row>
    <row r="1161" spans="1:25" x14ac:dyDescent="0.2">
      <c r="A1161" s="26" t="s">
        <v>25</v>
      </c>
      <c r="B1161" t="s">
        <v>35</v>
      </c>
      <c r="C1161" t="s">
        <v>35</v>
      </c>
    </row>
    <row r="1162" spans="1:25" x14ac:dyDescent="0.2">
      <c r="B1162" s="74" t="s">
        <v>109</v>
      </c>
      <c r="C1162" s="75"/>
      <c r="D1162" s="75"/>
      <c r="E1162" s="75"/>
      <c r="F1162" s="75"/>
      <c r="G1162" s="75"/>
      <c r="H1162" s="75"/>
      <c r="I1162" s="75"/>
      <c r="J1162" s="75"/>
      <c r="K1162" s="75"/>
      <c r="L1162" s="75"/>
      <c r="M1162" s="75"/>
      <c r="N1162" s="75"/>
      <c r="O1162" s="75"/>
      <c r="P1162" s="75"/>
      <c r="Q1162" s="75"/>
      <c r="R1162" s="75"/>
      <c r="S1162" s="75"/>
      <c r="T1162" s="75"/>
      <c r="U1162" s="75"/>
      <c r="V1162" s="75"/>
      <c r="W1162" s="75"/>
      <c r="X1162" s="75"/>
      <c r="Y1162" s="75"/>
    </row>
    <row r="1163" spans="1:25" s="32" customFormat="1" ht="36.450000000000003" customHeight="1" x14ac:dyDescent="0.15">
      <c r="A1163" s="31"/>
      <c r="D1163" s="33" t="s">
        <v>242</v>
      </c>
      <c r="E1163" s="35" t="s">
        <v>285</v>
      </c>
      <c r="F1163" s="36" t="s">
        <v>287</v>
      </c>
      <c r="G1163" s="36" t="s">
        <v>279</v>
      </c>
      <c r="H1163" s="36" t="s">
        <v>286</v>
      </c>
      <c r="I1163" s="36" t="s">
        <v>288</v>
      </c>
      <c r="J1163" s="37" t="s">
        <v>276</v>
      </c>
      <c r="K1163" s="34" t="s">
        <v>251</v>
      </c>
    </row>
    <row r="1164" spans="1:25" x14ac:dyDescent="0.2">
      <c r="B1164" s="5"/>
      <c r="C1164" s="41" t="s">
        <v>38</v>
      </c>
      <c r="D1164" s="42">
        <v>2000</v>
      </c>
      <c r="E1164" s="43">
        <v>1.6</v>
      </c>
      <c r="F1164" s="43">
        <v>2.2999999999999998</v>
      </c>
      <c r="G1164" s="43">
        <v>62.7</v>
      </c>
      <c r="H1164" s="43">
        <v>5</v>
      </c>
      <c r="I1164" s="43">
        <v>16.8</v>
      </c>
      <c r="J1164" s="44">
        <v>11.7</v>
      </c>
    </row>
    <row r="1165" spans="1:25" x14ac:dyDescent="0.2">
      <c r="B1165" s="76" t="s">
        <v>37</v>
      </c>
      <c r="C1165" s="39" t="s">
        <v>39</v>
      </c>
      <c r="D1165" s="45">
        <v>111</v>
      </c>
      <c r="E1165" s="46">
        <v>1.8</v>
      </c>
      <c r="F1165" s="46">
        <v>4.5</v>
      </c>
      <c r="G1165" s="46">
        <v>64</v>
      </c>
      <c r="H1165" s="46">
        <v>9</v>
      </c>
      <c r="I1165" s="46">
        <v>14.4</v>
      </c>
      <c r="J1165" s="47">
        <v>6.3</v>
      </c>
    </row>
    <row r="1166" spans="1:25" x14ac:dyDescent="0.2">
      <c r="B1166" s="76"/>
      <c r="C1166" s="39" t="s">
        <v>40</v>
      </c>
      <c r="D1166" s="45">
        <v>450</v>
      </c>
      <c r="E1166" s="46">
        <v>1.1000000000000001</v>
      </c>
      <c r="F1166" s="46">
        <v>2.4</v>
      </c>
      <c r="G1166" s="46">
        <v>69.3</v>
      </c>
      <c r="H1166" s="46">
        <v>6.2</v>
      </c>
      <c r="I1166" s="46">
        <v>11.8</v>
      </c>
      <c r="J1166" s="47">
        <v>9.1</v>
      </c>
    </row>
    <row r="1167" spans="1:25" ht="21.6" x14ac:dyDescent="0.2">
      <c r="B1167" s="76"/>
      <c r="C1167" s="39" t="s">
        <v>41</v>
      </c>
      <c r="D1167" s="45">
        <v>30</v>
      </c>
      <c r="E1167" s="46">
        <v>3.3</v>
      </c>
      <c r="F1167" s="46">
        <v>3.3</v>
      </c>
      <c r="G1167" s="46">
        <v>40</v>
      </c>
      <c r="H1167" s="46">
        <v>10</v>
      </c>
      <c r="I1167" s="46">
        <v>23.3</v>
      </c>
      <c r="J1167" s="47">
        <v>20</v>
      </c>
    </row>
    <row r="1168" spans="1:25" ht="21.6" x14ac:dyDescent="0.2">
      <c r="B1168" s="76"/>
      <c r="C1168" s="39" t="s">
        <v>42</v>
      </c>
      <c r="D1168" s="45">
        <v>336</v>
      </c>
      <c r="E1168" s="46">
        <v>3.3</v>
      </c>
      <c r="F1168" s="46">
        <v>3.3</v>
      </c>
      <c r="G1168" s="46">
        <v>64</v>
      </c>
      <c r="H1168" s="46">
        <v>4.5</v>
      </c>
      <c r="I1168" s="46">
        <v>11</v>
      </c>
      <c r="J1168" s="47">
        <v>14</v>
      </c>
    </row>
    <row r="1169" spans="2:10" ht="21.6" x14ac:dyDescent="0.2">
      <c r="B1169" s="76"/>
      <c r="C1169" s="39" t="s">
        <v>43</v>
      </c>
      <c r="D1169" s="45">
        <v>327</v>
      </c>
      <c r="E1169" s="46">
        <v>0.9</v>
      </c>
      <c r="F1169" s="46">
        <v>1.2</v>
      </c>
      <c r="G1169" s="46">
        <v>56.6</v>
      </c>
      <c r="H1169" s="46">
        <v>3.1</v>
      </c>
      <c r="I1169" s="46">
        <v>23.9</v>
      </c>
      <c r="J1169" s="47">
        <v>14.4</v>
      </c>
    </row>
    <row r="1170" spans="2:10" ht="21.6" x14ac:dyDescent="0.2">
      <c r="B1170" s="76"/>
      <c r="C1170" s="39" t="s">
        <v>44</v>
      </c>
      <c r="D1170" s="45">
        <v>181</v>
      </c>
      <c r="E1170" s="46">
        <v>1.7</v>
      </c>
      <c r="F1170" s="46">
        <v>2.2000000000000002</v>
      </c>
      <c r="G1170" s="46">
        <v>70.7</v>
      </c>
      <c r="H1170" s="46">
        <v>3.9</v>
      </c>
      <c r="I1170" s="46">
        <v>12.2</v>
      </c>
      <c r="J1170" s="47">
        <v>9.4</v>
      </c>
    </row>
    <row r="1171" spans="2:10" ht="21.6" x14ac:dyDescent="0.2">
      <c r="B1171" s="76"/>
      <c r="C1171" s="39" t="s">
        <v>45</v>
      </c>
      <c r="D1171" s="45">
        <v>565</v>
      </c>
      <c r="E1171" s="46">
        <v>1.2</v>
      </c>
      <c r="F1171" s="46">
        <v>1.8</v>
      </c>
      <c r="G1171" s="46">
        <v>58.6</v>
      </c>
      <c r="H1171" s="46">
        <v>4.8</v>
      </c>
      <c r="I1171" s="46">
        <v>21.6</v>
      </c>
      <c r="J1171" s="47">
        <v>12</v>
      </c>
    </row>
    <row r="1172" spans="2:10" ht="21.6" x14ac:dyDescent="0.2">
      <c r="B1172" s="76"/>
      <c r="C1172" s="39" t="s">
        <v>46</v>
      </c>
      <c r="D1172" s="45">
        <v>473</v>
      </c>
      <c r="E1172" s="46">
        <v>1.9</v>
      </c>
      <c r="F1172" s="46">
        <v>2.1</v>
      </c>
      <c r="G1172" s="46">
        <v>52.6</v>
      </c>
      <c r="H1172" s="46">
        <v>5.5</v>
      </c>
      <c r="I1172" s="46">
        <v>23.9</v>
      </c>
      <c r="J1172" s="47">
        <v>14</v>
      </c>
    </row>
    <row r="1173" spans="2:10" ht="21.6" x14ac:dyDescent="0.2">
      <c r="B1173" s="76"/>
      <c r="C1173" s="39" t="s">
        <v>47</v>
      </c>
      <c r="D1173" s="45">
        <v>441</v>
      </c>
      <c r="E1173" s="46">
        <v>0.9</v>
      </c>
      <c r="F1173" s="46">
        <v>2.9</v>
      </c>
      <c r="G1173" s="46">
        <v>68</v>
      </c>
      <c r="H1173" s="46">
        <v>4.8</v>
      </c>
      <c r="I1173" s="46">
        <v>16.8</v>
      </c>
      <c r="J1173" s="47">
        <v>6.6</v>
      </c>
    </row>
    <row r="1174" spans="2:10" ht="21.6" x14ac:dyDescent="0.2">
      <c r="B1174" s="76"/>
      <c r="C1174" s="39" t="s">
        <v>48</v>
      </c>
      <c r="D1174" s="45">
        <v>305</v>
      </c>
      <c r="E1174" s="46">
        <v>1.3</v>
      </c>
      <c r="F1174" s="46">
        <v>3</v>
      </c>
      <c r="G1174" s="46">
        <v>67.900000000000006</v>
      </c>
      <c r="H1174" s="46">
        <v>6.2</v>
      </c>
      <c r="I1174" s="46">
        <v>14.1</v>
      </c>
      <c r="J1174" s="47">
        <v>7.5</v>
      </c>
    </row>
    <row r="1175" spans="2:10" ht="21.6" x14ac:dyDescent="0.2">
      <c r="B1175" s="76"/>
      <c r="C1175" s="39" t="s">
        <v>49</v>
      </c>
      <c r="D1175" s="45">
        <v>223</v>
      </c>
      <c r="E1175" s="46">
        <v>2.2000000000000002</v>
      </c>
      <c r="F1175" s="46">
        <v>3.6</v>
      </c>
      <c r="G1175" s="46">
        <v>68.2</v>
      </c>
      <c r="H1175" s="46">
        <v>6.3</v>
      </c>
      <c r="I1175" s="46">
        <v>12.1</v>
      </c>
      <c r="J1175" s="47">
        <v>7.6</v>
      </c>
    </row>
    <row r="1176" spans="2:10" ht="21.6" x14ac:dyDescent="0.2">
      <c r="B1176" s="76"/>
      <c r="C1176" s="39" t="s">
        <v>50</v>
      </c>
      <c r="D1176" s="45">
        <v>123</v>
      </c>
      <c r="E1176" s="46">
        <v>4.0999999999999996</v>
      </c>
      <c r="F1176" s="46">
        <v>1.6</v>
      </c>
      <c r="G1176" s="46">
        <v>75.599999999999994</v>
      </c>
      <c r="H1176" s="46">
        <v>3.3</v>
      </c>
      <c r="I1176" s="46">
        <v>9.8000000000000007</v>
      </c>
      <c r="J1176" s="47">
        <v>5.7</v>
      </c>
    </row>
    <row r="1177" spans="2:10" ht="21.6" x14ac:dyDescent="0.2">
      <c r="B1177" s="76"/>
      <c r="C1177" s="39" t="s">
        <v>51</v>
      </c>
      <c r="D1177" s="45">
        <v>124</v>
      </c>
      <c r="E1177" s="46">
        <v>2.4</v>
      </c>
      <c r="F1177" s="46">
        <v>0.8</v>
      </c>
      <c r="G1177" s="46">
        <v>71.8</v>
      </c>
      <c r="H1177" s="46">
        <v>2.4</v>
      </c>
      <c r="I1177" s="46">
        <v>16.899999999999999</v>
      </c>
      <c r="J1177" s="47">
        <v>5.6</v>
      </c>
    </row>
    <row r="1178" spans="2:10" ht="21.6" x14ac:dyDescent="0.2">
      <c r="B1178" s="76"/>
      <c r="C1178" s="39" t="s">
        <v>52</v>
      </c>
      <c r="D1178" s="45">
        <v>312</v>
      </c>
      <c r="E1178" s="46">
        <v>0.6</v>
      </c>
      <c r="F1178" s="46">
        <v>1.9</v>
      </c>
      <c r="G1178" s="46">
        <v>57.7</v>
      </c>
      <c r="H1178" s="46">
        <v>3.2</v>
      </c>
      <c r="I1178" s="46">
        <v>27.9</v>
      </c>
      <c r="J1178" s="47">
        <v>8.6999999999999993</v>
      </c>
    </row>
    <row r="1179" spans="2:10" x14ac:dyDescent="0.2">
      <c r="B1179" s="76"/>
      <c r="C1179" s="39" t="s">
        <v>53</v>
      </c>
      <c r="D1179" s="45">
        <v>269</v>
      </c>
      <c r="E1179" s="46">
        <v>1.9</v>
      </c>
      <c r="F1179" s="46">
        <v>1.9</v>
      </c>
      <c r="G1179" s="46">
        <v>62.8</v>
      </c>
      <c r="H1179" s="46">
        <v>3.7</v>
      </c>
      <c r="I1179" s="46">
        <v>21.2</v>
      </c>
      <c r="J1179" s="47">
        <v>8.6</v>
      </c>
    </row>
    <row r="1180" spans="2:10" ht="21.6" x14ac:dyDescent="0.2">
      <c r="B1180" s="76"/>
      <c r="C1180" s="39" t="s">
        <v>54</v>
      </c>
      <c r="D1180" s="45">
        <v>511</v>
      </c>
      <c r="E1180" s="46">
        <v>2</v>
      </c>
      <c r="F1180" s="46">
        <v>3.5</v>
      </c>
      <c r="G1180" s="46">
        <v>67.3</v>
      </c>
      <c r="H1180" s="46">
        <v>6.1</v>
      </c>
      <c r="I1180" s="46">
        <v>12.1</v>
      </c>
      <c r="J1180" s="47">
        <v>9</v>
      </c>
    </row>
    <row r="1181" spans="2:10" ht="21.6" x14ac:dyDescent="0.2">
      <c r="B1181" s="76"/>
      <c r="C1181" s="39" t="s">
        <v>55</v>
      </c>
      <c r="D1181" s="45">
        <v>615</v>
      </c>
      <c r="E1181" s="46">
        <v>2.2999999999999998</v>
      </c>
      <c r="F1181" s="46">
        <v>2.4</v>
      </c>
      <c r="G1181" s="46">
        <v>71.400000000000006</v>
      </c>
      <c r="H1181" s="46">
        <v>6.2</v>
      </c>
      <c r="I1181" s="46">
        <v>8.9</v>
      </c>
      <c r="J1181" s="47">
        <v>8.8000000000000007</v>
      </c>
    </row>
    <row r="1182" spans="2:10" ht="21.6" x14ac:dyDescent="0.2">
      <c r="B1182" s="76"/>
      <c r="C1182" s="39" t="s">
        <v>56</v>
      </c>
      <c r="D1182" s="45">
        <v>800</v>
      </c>
      <c r="E1182" s="46">
        <v>2.5</v>
      </c>
      <c r="F1182" s="46">
        <v>3.4</v>
      </c>
      <c r="G1182" s="46">
        <v>69.5</v>
      </c>
      <c r="H1182" s="46">
        <v>6.6</v>
      </c>
      <c r="I1182" s="46">
        <v>7.4</v>
      </c>
      <c r="J1182" s="47">
        <v>10.6</v>
      </c>
    </row>
    <row r="1183" spans="2:10" x14ac:dyDescent="0.2">
      <c r="B1183" s="76"/>
      <c r="C1183" s="40" t="s">
        <v>57</v>
      </c>
      <c r="D1183" s="48">
        <v>798</v>
      </c>
      <c r="E1183" s="49">
        <v>1.3</v>
      </c>
      <c r="F1183" s="49">
        <v>1.8</v>
      </c>
      <c r="G1183" s="49">
        <v>64</v>
      </c>
      <c r="H1183" s="49">
        <v>5.0999999999999996</v>
      </c>
      <c r="I1183" s="49">
        <v>21.6</v>
      </c>
      <c r="J1183" s="50">
        <v>6.3</v>
      </c>
    </row>
    <row r="1184" spans="2:10" x14ac:dyDescent="0.2">
      <c r="B1184" s="7" t="s">
        <v>71</v>
      </c>
      <c r="C1184" s="4" t="s">
        <v>110</v>
      </c>
    </row>
    <row r="1185" spans="1:25" x14ac:dyDescent="0.2">
      <c r="B1185" s="4"/>
      <c r="C1185" s="4" t="s">
        <v>73</v>
      </c>
    </row>
    <row r="1187" spans="1:25" x14ac:dyDescent="0.2">
      <c r="C1187" t="s">
        <v>35</v>
      </c>
    </row>
    <row r="1188" spans="1:25" x14ac:dyDescent="0.2">
      <c r="B1188" s="74" t="s">
        <v>200</v>
      </c>
      <c r="C1188" s="75"/>
      <c r="D1188" s="75"/>
      <c r="E1188" s="75"/>
      <c r="F1188" s="75"/>
      <c r="G1188" s="75"/>
      <c r="H1188" s="75"/>
      <c r="I1188" s="75"/>
      <c r="J1188" s="75"/>
      <c r="K1188" s="75"/>
      <c r="L1188" s="75"/>
      <c r="M1188" s="75"/>
      <c r="N1188" s="75"/>
      <c r="O1188" s="75"/>
      <c r="P1188" s="75"/>
      <c r="Q1188" s="75"/>
      <c r="R1188" s="75"/>
      <c r="S1188" s="75"/>
      <c r="T1188" s="75"/>
      <c r="U1188" s="75"/>
      <c r="V1188" s="75"/>
      <c r="W1188" s="75"/>
      <c r="X1188" s="75"/>
      <c r="Y1188" s="75"/>
    </row>
    <row r="1189" spans="1:25" s="32" customFormat="1" ht="36.450000000000003" customHeight="1" x14ac:dyDescent="0.15">
      <c r="A1189" s="31"/>
      <c r="D1189" s="33" t="s">
        <v>242</v>
      </c>
      <c r="E1189" s="35" t="s">
        <v>285</v>
      </c>
      <c r="F1189" s="36" t="s">
        <v>287</v>
      </c>
      <c r="G1189" s="36" t="s">
        <v>279</v>
      </c>
      <c r="H1189" s="36" t="s">
        <v>286</v>
      </c>
      <c r="I1189" s="36" t="s">
        <v>288</v>
      </c>
      <c r="J1189" s="37" t="s">
        <v>276</v>
      </c>
      <c r="K1189" s="34" t="s">
        <v>251</v>
      </c>
    </row>
    <row r="1190" spans="1:25" ht="21.6" x14ac:dyDescent="0.2">
      <c r="B1190" s="76" t="s">
        <v>37</v>
      </c>
      <c r="C1190" s="38" t="s">
        <v>58</v>
      </c>
      <c r="D1190" s="51">
        <v>609</v>
      </c>
      <c r="E1190" s="52">
        <v>2.8</v>
      </c>
      <c r="F1190" s="52">
        <v>4.3</v>
      </c>
      <c r="G1190" s="52">
        <v>67.5</v>
      </c>
      <c r="H1190" s="52">
        <v>6.6</v>
      </c>
      <c r="I1190" s="52">
        <v>7.4</v>
      </c>
      <c r="J1190" s="53">
        <v>11.5</v>
      </c>
    </row>
    <row r="1191" spans="1:25" ht="21.6" x14ac:dyDescent="0.2">
      <c r="B1191" s="76"/>
      <c r="C1191" s="39" t="s">
        <v>59</v>
      </c>
      <c r="D1191" s="45">
        <v>1391</v>
      </c>
      <c r="E1191" s="46">
        <v>1.1000000000000001</v>
      </c>
      <c r="F1191" s="46">
        <v>1.4</v>
      </c>
      <c r="G1191" s="46">
        <v>60.6</v>
      </c>
      <c r="H1191" s="46">
        <v>4.3</v>
      </c>
      <c r="I1191" s="46">
        <v>20.8</v>
      </c>
      <c r="J1191" s="47">
        <v>11.7</v>
      </c>
    </row>
    <row r="1192" spans="1:25" x14ac:dyDescent="0.2">
      <c r="B1192" s="76"/>
      <c r="C1192" s="39" t="s">
        <v>60</v>
      </c>
      <c r="D1192" s="45">
        <v>1325</v>
      </c>
      <c r="E1192" s="46">
        <v>1.7</v>
      </c>
      <c r="F1192" s="46">
        <v>2</v>
      </c>
      <c r="G1192" s="46">
        <v>63.9</v>
      </c>
      <c r="H1192" s="46">
        <v>4.9000000000000004</v>
      </c>
      <c r="I1192" s="46">
        <v>15.8</v>
      </c>
      <c r="J1192" s="47">
        <v>11.7</v>
      </c>
    </row>
    <row r="1193" spans="1:25" x14ac:dyDescent="0.2">
      <c r="B1193" s="76"/>
      <c r="C1193" s="39" t="s">
        <v>61</v>
      </c>
      <c r="D1193" s="45">
        <v>675</v>
      </c>
      <c r="E1193" s="46">
        <v>1.5</v>
      </c>
      <c r="F1193" s="46">
        <v>2.8</v>
      </c>
      <c r="G1193" s="46">
        <v>60.3</v>
      </c>
      <c r="H1193" s="46">
        <v>5.2</v>
      </c>
      <c r="I1193" s="46">
        <v>18.7</v>
      </c>
      <c r="J1193" s="47">
        <v>11.6</v>
      </c>
    </row>
    <row r="1194" spans="1:25" x14ac:dyDescent="0.2">
      <c r="B1194" s="76"/>
      <c r="C1194" s="39" t="s">
        <v>62</v>
      </c>
      <c r="D1194" s="45">
        <v>1086</v>
      </c>
      <c r="E1194" s="46">
        <v>1.8</v>
      </c>
      <c r="F1194" s="46">
        <v>2.6</v>
      </c>
      <c r="G1194" s="46">
        <v>69.900000000000006</v>
      </c>
      <c r="H1194" s="46">
        <v>5.7</v>
      </c>
      <c r="I1194" s="46">
        <v>10.5</v>
      </c>
      <c r="J1194" s="47">
        <v>9.5</v>
      </c>
    </row>
    <row r="1195" spans="1:25" ht="21.6" x14ac:dyDescent="0.2">
      <c r="B1195" s="76"/>
      <c r="C1195" s="39" t="s">
        <v>63</v>
      </c>
      <c r="D1195" s="45">
        <v>203</v>
      </c>
      <c r="E1195" s="46">
        <v>2</v>
      </c>
      <c r="F1195" s="46">
        <v>5.4</v>
      </c>
      <c r="G1195" s="46">
        <v>58.6</v>
      </c>
      <c r="H1195" s="46">
        <v>3</v>
      </c>
      <c r="I1195" s="46">
        <v>11.3</v>
      </c>
      <c r="J1195" s="47">
        <v>19.7</v>
      </c>
    </row>
    <row r="1196" spans="1:25" x14ac:dyDescent="0.2">
      <c r="B1196" s="76"/>
      <c r="C1196" s="39" t="s">
        <v>64</v>
      </c>
      <c r="D1196" s="45">
        <v>263</v>
      </c>
      <c r="E1196" s="46">
        <v>3</v>
      </c>
      <c r="F1196" s="46">
        <v>3</v>
      </c>
      <c r="G1196" s="46">
        <v>71.900000000000006</v>
      </c>
      <c r="H1196" s="46">
        <v>5.7</v>
      </c>
      <c r="I1196" s="46">
        <v>8.6999999999999993</v>
      </c>
      <c r="J1196" s="47">
        <v>7.6</v>
      </c>
    </row>
    <row r="1197" spans="1:25" x14ac:dyDescent="0.2">
      <c r="B1197" s="76"/>
      <c r="C1197" s="39" t="s">
        <v>65</v>
      </c>
      <c r="D1197" s="45">
        <v>312</v>
      </c>
      <c r="E1197" s="46">
        <v>1.3</v>
      </c>
      <c r="F1197" s="46">
        <v>2.6</v>
      </c>
      <c r="G1197" s="46">
        <v>73.099999999999994</v>
      </c>
      <c r="H1197" s="46">
        <v>5.4</v>
      </c>
      <c r="I1197" s="46">
        <v>10.6</v>
      </c>
      <c r="J1197" s="47">
        <v>7.1</v>
      </c>
    </row>
    <row r="1198" spans="1:25" x14ac:dyDescent="0.2">
      <c r="B1198" s="76"/>
      <c r="C1198" s="39" t="s">
        <v>66</v>
      </c>
      <c r="D1198" s="45">
        <v>230</v>
      </c>
      <c r="E1198" s="46">
        <v>0.9</v>
      </c>
      <c r="F1198" s="46">
        <v>0</v>
      </c>
      <c r="G1198" s="46">
        <v>73.900000000000006</v>
      </c>
      <c r="H1198" s="46">
        <v>8.6999999999999993</v>
      </c>
      <c r="I1198" s="46">
        <v>9.1</v>
      </c>
      <c r="J1198" s="47">
        <v>7.4</v>
      </c>
    </row>
    <row r="1199" spans="1:25" x14ac:dyDescent="0.2">
      <c r="B1199" s="76"/>
      <c r="C1199" s="39" t="s">
        <v>67</v>
      </c>
      <c r="D1199" s="45">
        <v>78</v>
      </c>
      <c r="E1199" s="46">
        <v>2.6</v>
      </c>
      <c r="F1199" s="46">
        <v>1.3</v>
      </c>
      <c r="G1199" s="46">
        <v>67.900000000000006</v>
      </c>
      <c r="H1199" s="46">
        <v>5.0999999999999996</v>
      </c>
      <c r="I1199" s="46">
        <v>17.899999999999999</v>
      </c>
      <c r="J1199" s="47">
        <v>5.0999999999999996</v>
      </c>
    </row>
    <row r="1200" spans="1:25" x14ac:dyDescent="0.2">
      <c r="B1200" s="76"/>
      <c r="C1200" s="39" t="s">
        <v>68</v>
      </c>
      <c r="D1200" s="45">
        <v>897</v>
      </c>
      <c r="E1200" s="46">
        <v>2.1</v>
      </c>
      <c r="F1200" s="46">
        <v>3</v>
      </c>
      <c r="G1200" s="46">
        <v>73.900000000000006</v>
      </c>
      <c r="H1200" s="46">
        <v>6.4</v>
      </c>
      <c r="I1200" s="46">
        <v>6.4</v>
      </c>
      <c r="J1200" s="47">
        <v>8.1999999999999993</v>
      </c>
    </row>
    <row r="1201" spans="1:25" x14ac:dyDescent="0.2">
      <c r="B1201" s="76"/>
      <c r="C1201" s="39" t="s">
        <v>69</v>
      </c>
      <c r="D1201" s="45">
        <v>189</v>
      </c>
      <c r="E1201" s="46">
        <v>0.5</v>
      </c>
      <c r="F1201" s="46">
        <v>0.5</v>
      </c>
      <c r="G1201" s="46">
        <v>50.8</v>
      </c>
      <c r="H1201" s="46">
        <v>2.6</v>
      </c>
      <c r="I1201" s="46">
        <v>30.2</v>
      </c>
      <c r="J1201" s="47">
        <v>15.3</v>
      </c>
    </row>
    <row r="1202" spans="1:25" x14ac:dyDescent="0.2">
      <c r="B1202" s="76"/>
      <c r="C1202" s="39" t="s">
        <v>70</v>
      </c>
      <c r="D1202" s="45">
        <v>914</v>
      </c>
      <c r="E1202" s="46">
        <v>1.3</v>
      </c>
      <c r="F1202" s="46">
        <v>2</v>
      </c>
      <c r="G1202" s="46">
        <v>54.2</v>
      </c>
      <c r="H1202" s="46">
        <v>4.2</v>
      </c>
      <c r="I1202" s="46">
        <v>24.2</v>
      </c>
      <c r="J1202" s="47">
        <v>14.2</v>
      </c>
    </row>
    <row r="1203" spans="1:25" ht="21.6" x14ac:dyDescent="0.2">
      <c r="B1203" s="76"/>
      <c r="C1203" s="39" t="s">
        <v>63</v>
      </c>
      <c r="D1203" s="45">
        <v>193</v>
      </c>
      <c r="E1203" s="46">
        <v>2.1</v>
      </c>
      <c r="F1203" s="46">
        <v>2.6</v>
      </c>
      <c r="G1203" s="46">
        <v>52.3</v>
      </c>
      <c r="H1203" s="46">
        <v>5.2</v>
      </c>
      <c r="I1203" s="46">
        <v>10.4</v>
      </c>
      <c r="J1203" s="47">
        <v>27.5</v>
      </c>
    </row>
    <row r="1204" spans="1:25" x14ac:dyDescent="0.2">
      <c r="B1204" s="76"/>
      <c r="C1204" s="39" t="s">
        <v>64</v>
      </c>
      <c r="D1204" s="45">
        <v>203</v>
      </c>
      <c r="E1204" s="46">
        <v>2.5</v>
      </c>
      <c r="F1204" s="46">
        <v>1.5</v>
      </c>
      <c r="G1204" s="46">
        <v>56.7</v>
      </c>
      <c r="H1204" s="46">
        <v>4.9000000000000004</v>
      </c>
      <c r="I1204" s="46">
        <v>20.7</v>
      </c>
      <c r="J1204" s="47">
        <v>13.8</v>
      </c>
    </row>
    <row r="1205" spans="1:25" x14ac:dyDescent="0.2">
      <c r="B1205" s="76"/>
      <c r="C1205" s="39" t="s">
        <v>65</v>
      </c>
      <c r="D1205" s="45">
        <v>263</v>
      </c>
      <c r="E1205" s="46">
        <v>0.8</v>
      </c>
      <c r="F1205" s="46">
        <v>3.4</v>
      </c>
      <c r="G1205" s="46">
        <v>57</v>
      </c>
      <c r="H1205" s="46">
        <v>2.7</v>
      </c>
      <c r="I1205" s="46">
        <v>25.1</v>
      </c>
      <c r="J1205" s="47">
        <v>11</v>
      </c>
    </row>
    <row r="1206" spans="1:25" x14ac:dyDescent="0.2">
      <c r="B1206" s="76"/>
      <c r="C1206" s="39" t="s">
        <v>66</v>
      </c>
      <c r="D1206" s="45">
        <v>194</v>
      </c>
      <c r="E1206" s="46">
        <v>0.5</v>
      </c>
      <c r="F1206" s="46">
        <v>0.5</v>
      </c>
      <c r="G1206" s="46">
        <v>54.1</v>
      </c>
      <c r="H1206" s="46">
        <v>4.0999999999999996</v>
      </c>
      <c r="I1206" s="46">
        <v>32</v>
      </c>
      <c r="J1206" s="47">
        <v>8.8000000000000007</v>
      </c>
    </row>
    <row r="1207" spans="1:25" x14ac:dyDescent="0.2">
      <c r="B1207" s="76"/>
      <c r="C1207" s="39" t="s">
        <v>67</v>
      </c>
      <c r="D1207" s="45">
        <v>61</v>
      </c>
      <c r="E1207" s="46">
        <v>0</v>
      </c>
      <c r="F1207" s="46">
        <v>0</v>
      </c>
      <c r="G1207" s="46">
        <v>39.299999999999997</v>
      </c>
      <c r="H1207" s="46">
        <v>4.9000000000000004</v>
      </c>
      <c r="I1207" s="46">
        <v>50.8</v>
      </c>
      <c r="J1207" s="47">
        <v>4.9000000000000004</v>
      </c>
    </row>
    <row r="1208" spans="1:25" x14ac:dyDescent="0.2">
      <c r="B1208" s="76"/>
      <c r="C1208" s="39" t="s">
        <v>68</v>
      </c>
      <c r="D1208" s="45">
        <v>416</v>
      </c>
      <c r="E1208" s="46">
        <v>1.9</v>
      </c>
      <c r="F1208" s="46">
        <v>2.4</v>
      </c>
      <c r="G1208" s="46">
        <v>64.400000000000006</v>
      </c>
      <c r="H1208" s="46">
        <v>5.8</v>
      </c>
      <c r="I1208" s="46">
        <v>12.5</v>
      </c>
      <c r="J1208" s="47">
        <v>13</v>
      </c>
    </row>
    <row r="1209" spans="1:25" x14ac:dyDescent="0.2">
      <c r="B1209" s="76"/>
      <c r="C1209" s="40" t="s">
        <v>69</v>
      </c>
      <c r="D1209" s="48">
        <v>498</v>
      </c>
      <c r="E1209" s="49">
        <v>0.8</v>
      </c>
      <c r="F1209" s="49">
        <v>1.6</v>
      </c>
      <c r="G1209" s="49">
        <v>45.6</v>
      </c>
      <c r="H1209" s="49">
        <v>2.8</v>
      </c>
      <c r="I1209" s="49">
        <v>33.9</v>
      </c>
      <c r="J1209" s="50">
        <v>15.3</v>
      </c>
    </row>
    <row r="1210" spans="1:25" x14ac:dyDescent="0.2">
      <c r="B1210" s="7" t="s">
        <v>71</v>
      </c>
      <c r="C1210" s="4" t="s">
        <v>110</v>
      </c>
    </row>
    <row r="1211" spans="1:25" x14ac:dyDescent="0.2">
      <c r="B1211" s="4"/>
      <c r="C1211" s="4" t="s">
        <v>73</v>
      </c>
    </row>
    <row r="1213" spans="1:25" x14ac:dyDescent="0.2">
      <c r="A1213" s="26" t="s">
        <v>25</v>
      </c>
      <c r="B1213" t="s">
        <v>35</v>
      </c>
      <c r="C1213" t="s">
        <v>35</v>
      </c>
    </row>
    <row r="1214" spans="1:25" x14ac:dyDescent="0.2">
      <c r="B1214" s="74" t="s">
        <v>111</v>
      </c>
      <c r="C1214" s="75"/>
      <c r="D1214" s="75"/>
      <c r="E1214" s="75"/>
      <c r="F1214" s="75"/>
      <c r="G1214" s="75"/>
      <c r="H1214" s="75"/>
      <c r="I1214" s="75"/>
      <c r="J1214" s="75"/>
      <c r="K1214" s="75"/>
      <c r="L1214" s="75"/>
      <c r="M1214" s="75"/>
      <c r="N1214" s="75"/>
      <c r="O1214" s="75"/>
      <c r="P1214" s="75"/>
      <c r="Q1214" s="75"/>
      <c r="R1214" s="75"/>
      <c r="S1214" s="75"/>
      <c r="T1214" s="75"/>
      <c r="U1214" s="75"/>
      <c r="V1214" s="75"/>
      <c r="W1214" s="75"/>
      <c r="X1214" s="75"/>
      <c r="Y1214" s="75"/>
    </row>
    <row r="1215" spans="1:25" s="32" customFormat="1" ht="36.450000000000003" customHeight="1" x14ac:dyDescent="0.15">
      <c r="A1215" s="31"/>
      <c r="D1215" s="33" t="s">
        <v>242</v>
      </c>
      <c r="E1215" s="35" t="s">
        <v>285</v>
      </c>
      <c r="F1215" s="36" t="s">
        <v>287</v>
      </c>
      <c r="G1215" s="36" t="s">
        <v>279</v>
      </c>
      <c r="H1215" s="36" t="s">
        <v>286</v>
      </c>
      <c r="I1215" s="36" t="s">
        <v>288</v>
      </c>
      <c r="J1215" s="37" t="s">
        <v>276</v>
      </c>
      <c r="K1215" s="34" t="s">
        <v>251</v>
      </c>
    </row>
    <row r="1216" spans="1:25" x14ac:dyDescent="0.2">
      <c r="B1216" s="5"/>
      <c r="C1216" s="41" t="s">
        <v>38</v>
      </c>
      <c r="D1216" s="42">
        <v>2000</v>
      </c>
      <c r="E1216" s="43">
        <v>0.9</v>
      </c>
      <c r="F1216" s="43">
        <v>1.6</v>
      </c>
      <c r="G1216" s="43">
        <v>67.3</v>
      </c>
      <c r="H1216" s="43">
        <v>3.7</v>
      </c>
      <c r="I1216" s="43">
        <v>12.7</v>
      </c>
      <c r="J1216" s="44">
        <v>14</v>
      </c>
    </row>
    <row r="1217" spans="2:10" x14ac:dyDescent="0.2">
      <c r="B1217" s="76" t="s">
        <v>37</v>
      </c>
      <c r="C1217" s="39" t="s">
        <v>39</v>
      </c>
      <c r="D1217" s="45">
        <v>111</v>
      </c>
      <c r="E1217" s="46">
        <v>2.7</v>
      </c>
      <c r="F1217" s="46">
        <v>0</v>
      </c>
      <c r="G1217" s="46">
        <v>70.3</v>
      </c>
      <c r="H1217" s="46">
        <v>6.3</v>
      </c>
      <c r="I1217" s="46">
        <v>10.8</v>
      </c>
      <c r="J1217" s="47">
        <v>9.9</v>
      </c>
    </row>
    <row r="1218" spans="2:10" x14ac:dyDescent="0.2">
      <c r="B1218" s="76"/>
      <c r="C1218" s="39" t="s">
        <v>40</v>
      </c>
      <c r="D1218" s="45">
        <v>450</v>
      </c>
      <c r="E1218" s="46">
        <v>0.2</v>
      </c>
      <c r="F1218" s="46">
        <v>0.9</v>
      </c>
      <c r="G1218" s="46">
        <v>74.7</v>
      </c>
      <c r="H1218" s="46">
        <v>4.4000000000000004</v>
      </c>
      <c r="I1218" s="46">
        <v>8.1999999999999993</v>
      </c>
      <c r="J1218" s="47">
        <v>11.6</v>
      </c>
    </row>
    <row r="1219" spans="2:10" ht="21.6" x14ac:dyDescent="0.2">
      <c r="B1219" s="76"/>
      <c r="C1219" s="39" t="s">
        <v>41</v>
      </c>
      <c r="D1219" s="45">
        <v>30</v>
      </c>
      <c r="E1219" s="46">
        <v>0</v>
      </c>
      <c r="F1219" s="46">
        <v>0</v>
      </c>
      <c r="G1219" s="46">
        <v>56.7</v>
      </c>
      <c r="H1219" s="46">
        <v>3.3</v>
      </c>
      <c r="I1219" s="46">
        <v>20</v>
      </c>
      <c r="J1219" s="47">
        <v>20</v>
      </c>
    </row>
    <row r="1220" spans="2:10" ht="21.6" x14ac:dyDescent="0.2">
      <c r="B1220" s="76"/>
      <c r="C1220" s="39" t="s">
        <v>42</v>
      </c>
      <c r="D1220" s="45">
        <v>336</v>
      </c>
      <c r="E1220" s="46">
        <v>1.5</v>
      </c>
      <c r="F1220" s="46">
        <v>3</v>
      </c>
      <c r="G1220" s="46">
        <v>68.5</v>
      </c>
      <c r="H1220" s="46">
        <v>3.9</v>
      </c>
      <c r="I1220" s="46">
        <v>7.7</v>
      </c>
      <c r="J1220" s="47">
        <v>15.5</v>
      </c>
    </row>
    <row r="1221" spans="2:10" ht="21.6" x14ac:dyDescent="0.2">
      <c r="B1221" s="76"/>
      <c r="C1221" s="39" t="s">
        <v>43</v>
      </c>
      <c r="D1221" s="45">
        <v>327</v>
      </c>
      <c r="E1221" s="46">
        <v>0.3</v>
      </c>
      <c r="F1221" s="46">
        <v>0.9</v>
      </c>
      <c r="G1221" s="46">
        <v>60.2</v>
      </c>
      <c r="H1221" s="46">
        <v>2.4</v>
      </c>
      <c r="I1221" s="46">
        <v>19.899999999999999</v>
      </c>
      <c r="J1221" s="47">
        <v>16.2</v>
      </c>
    </row>
    <row r="1222" spans="2:10" ht="21.6" x14ac:dyDescent="0.2">
      <c r="B1222" s="76"/>
      <c r="C1222" s="39" t="s">
        <v>44</v>
      </c>
      <c r="D1222" s="45">
        <v>181</v>
      </c>
      <c r="E1222" s="46">
        <v>1.1000000000000001</v>
      </c>
      <c r="F1222" s="46">
        <v>3.3</v>
      </c>
      <c r="G1222" s="46">
        <v>74</v>
      </c>
      <c r="H1222" s="46">
        <v>3.3</v>
      </c>
      <c r="I1222" s="46">
        <v>7.7</v>
      </c>
      <c r="J1222" s="47">
        <v>10.5</v>
      </c>
    </row>
    <row r="1223" spans="2:10" ht="21.6" x14ac:dyDescent="0.2">
      <c r="B1223" s="76"/>
      <c r="C1223" s="39" t="s">
        <v>45</v>
      </c>
      <c r="D1223" s="45">
        <v>565</v>
      </c>
      <c r="E1223" s="46">
        <v>0.9</v>
      </c>
      <c r="F1223" s="46">
        <v>1.4</v>
      </c>
      <c r="G1223" s="46">
        <v>62.7</v>
      </c>
      <c r="H1223" s="46">
        <v>3.4</v>
      </c>
      <c r="I1223" s="46">
        <v>16.5</v>
      </c>
      <c r="J1223" s="47">
        <v>15.2</v>
      </c>
    </row>
    <row r="1224" spans="2:10" ht="21.6" x14ac:dyDescent="0.2">
      <c r="B1224" s="76"/>
      <c r="C1224" s="39" t="s">
        <v>46</v>
      </c>
      <c r="D1224" s="45">
        <v>473</v>
      </c>
      <c r="E1224" s="46">
        <v>1.3</v>
      </c>
      <c r="F1224" s="46">
        <v>1.7</v>
      </c>
      <c r="G1224" s="46">
        <v>57.5</v>
      </c>
      <c r="H1224" s="46">
        <v>4.2</v>
      </c>
      <c r="I1224" s="46">
        <v>19.7</v>
      </c>
      <c r="J1224" s="47">
        <v>15.6</v>
      </c>
    </row>
    <row r="1225" spans="2:10" ht="21.6" x14ac:dyDescent="0.2">
      <c r="B1225" s="76"/>
      <c r="C1225" s="39" t="s">
        <v>47</v>
      </c>
      <c r="D1225" s="45">
        <v>441</v>
      </c>
      <c r="E1225" s="46">
        <v>0.9</v>
      </c>
      <c r="F1225" s="46">
        <v>1.8</v>
      </c>
      <c r="G1225" s="46">
        <v>71.400000000000006</v>
      </c>
      <c r="H1225" s="46">
        <v>3.2</v>
      </c>
      <c r="I1225" s="46">
        <v>12.2</v>
      </c>
      <c r="J1225" s="47">
        <v>10.4</v>
      </c>
    </row>
    <row r="1226" spans="2:10" ht="21.6" x14ac:dyDescent="0.2">
      <c r="B1226" s="76"/>
      <c r="C1226" s="39" t="s">
        <v>48</v>
      </c>
      <c r="D1226" s="45">
        <v>305</v>
      </c>
      <c r="E1226" s="46">
        <v>0.7</v>
      </c>
      <c r="F1226" s="46">
        <v>1.6</v>
      </c>
      <c r="G1226" s="46">
        <v>75.099999999999994</v>
      </c>
      <c r="H1226" s="46">
        <v>4.9000000000000004</v>
      </c>
      <c r="I1226" s="46">
        <v>7.9</v>
      </c>
      <c r="J1226" s="47">
        <v>9.8000000000000007</v>
      </c>
    </row>
    <row r="1227" spans="2:10" ht="21.6" x14ac:dyDescent="0.2">
      <c r="B1227" s="76"/>
      <c r="C1227" s="39" t="s">
        <v>49</v>
      </c>
      <c r="D1227" s="45">
        <v>223</v>
      </c>
      <c r="E1227" s="46">
        <v>1.8</v>
      </c>
      <c r="F1227" s="46">
        <v>0.9</v>
      </c>
      <c r="G1227" s="46">
        <v>75.8</v>
      </c>
      <c r="H1227" s="46">
        <v>3.6</v>
      </c>
      <c r="I1227" s="46">
        <v>9.9</v>
      </c>
      <c r="J1227" s="47">
        <v>8.1</v>
      </c>
    </row>
    <row r="1228" spans="2:10" ht="21.6" x14ac:dyDescent="0.2">
      <c r="B1228" s="76"/>
      <c r="C1228" s="39" t="s">
        <v>50</v>
      </c>
      <c r="D1228" s="45">
        <v>123</v>
      </c>
      <c r="E1228" s="46">
        <v>0</v>
      </c>
      <c r="F1228" s="46">
        <v>3.3</v>
      </c>
      <c r="G1228" s="46">
        <v>79.7</v>
      </c>
      <c r="H1228" s="46">
        <v>2.4</v>
      </c>
      <c r="I1228" s="46">
        <v>8.1</v>
      </c>
      <c r="J1228" s="47">
        <v>6.5</v>
      </c>
    </row>
    <row r="1229" spans="2:10" ht="21.6" x14ac:dyDescent="0.2">
      <c r="B1229" s="76"/>
      <c r="C1229" s="39" t="s">
        <v>51</v>
      </c>
      <c r="D1229" s="45">
        <v>124</v>
      </c>
      <c r="E1229" s="46">
        <v>0.8</v>
      </c>
      <c r="F1229" s="46">
        <v>0.8</v>
      </c>
      <c r="G1229" s="46">
        <v>76.599999999999994</v>
      </c>
      <c r="H1229" s="46">
        <v>4</v>
      </c>
      <c r="I1229" s="46">
        <v>10.5</v>
      </c>
      <c r="J1229" s="47">
        <v>7.3</v>
      </c>
    </row>
    <row r="1230" spans="2:10" ht="21.6" x14ac:dyDescent="0.2">
      <c r="B1230" s="76"/>
      <c r="C1230" s="39" t="s">
        <v>52</v>
      </c>
      <c r="D1230" s="45">
        <v>312</v>
      </c>
      <c r="E1230" s="46">
        <v>0.6</v>
      </c>
      <c r="F1230" s="46">
        <v>1.6</v>
      </c>
      <c r="G1230" s="46">
        <v>59.9</v>
      </c>
      <c r="H1230" s="46">
        <v>4.2</v>
      </c>
      <c r="I1230" s="46">
        <v>23.1</v>
      </c>
      <c r="J1230" s="47">
        <v>10.6</v>
      </c>
    </row>
    <row r="1231" spans="2:10" x14ac:dyDescent="0.2">
      <c r="B1231" s="76"/>
      <c r="C1231" s="39" t="s">
        <v>53</v>
      </c>
      <c r="D1231" s="45">
        <v>269</v>
      </c>
      <c r="E1231" s="46">
        <v>1.1000000000000001</v>
      </c>
      <c r="F1231" s="46">
        <v>3</v>
      </c>
      <c r="G1231" s="46">
        <v>66.900000000000006</v>
      </c>
      <c r="H1231" s="46">
        <v>2.6</v>
      </c>
      <c r="I1231" s="46">
        <v>15.6</v>
      </c>
      <c r="J1231" s="47">
        <v>10.8</v>
      </c>
    </row>
    <row r="1232" spans="2:10" ht="21.6" x14ac:dyDescent="0.2">
      <c r="B1232" s="76"/>
      <c r="C1232" s="39" t="s">
        <v>54</v>
      </c>
      <c r="D1232" s="45">
        <v>511</v>
      </c>
      <c r="E1232" s="46">
        <v>1.2</v>
      </c>
      <c r="F1232" s="46">
        <v>1.8</v>
      </c>
      <c r="G1232" s="46">
        <v>73</v>
      </c>
      <c r="H1232" s="46">
        <v>4.0999999999999996</v>
      </c>
      <c r="I1232" s="46">
        <v>8.8000000000000007</v>
      </c>
      <c r="J1232" s="47">
        <v>11.2</v>
      </c>
    </row>
    <row r="1233" spans="1:25" ht="21.6" x14ac:dyDescent="0.2">
      <c r="B1233" s="76"/>
      <c r="C1233" s="39" t="s">
        <v>55</v>
      </c>
      <c r="D1233" s="45">
        <v>615</v>
      </c>
      <c r="E1233" s="46">
        <v>1</v>
      </c>
      <c r="F1233" s="46">
        <v>1.3</v>
      </c>
      <c r="G1233" s="46">
        <v>77.2</v>
      </c>
      <c r="H1233" s="46">
        <v>4.2</v>
      </c>
      <c r="I1233" s="46">
        <v>4.9000000000000004</v>
      </c>
      <c r="J1233" s="47">
        <v>11.4</v>
      </c>
    </row>
    <row r="1234" spans="1:25" ht="21.6" x14ac:dyDescent="0.2">
      <c r="B1234" s="76"/>
      <c r="C1234" s="39" t="s">
        <v>56</v>
      </c>
      <c r="D1234" s="45">
        <v>800</v>
      </c>
      <c r="E1234" s="46">
        <v>1.1000000000000001</v>
      </c>
      <c r="F1234" s="46">
        <v>1.8</v>
      </c>
      <c r="G1234" s="46">
        <v>76.099999999999994</v>
      </c>
      <c r="H1234" s="46">
        <v>4.4000000000000004</v>
      </c>
      <c r="I1234" s="46">
        <v>4</v>
      </c>
      <c r="J1234" s="47">
        <v>12.6</v>
      </c>
    </row>
    <row r="1235" spans="1:25" x14ac:dyDescent="0.2">
      <c r="B1235" s="76"/>
      <c r="C1235" s="40" t="s">
        <v>57</v>
      </c>
      <c r="D1235" s="48">
        <v>798</v>
      </c>
      <c r="E1235" s="49">
        <v>0.9</v>
      </c>
      <c r="F1235" s="49">
        <v>1.5</v>
      </c>
      <c r="G1235" s="49">
        <v>69.400000000000006</v>
      </c>
      <c r="H1235" s="49">
        <v>3.8</v>
      </c>
      <c r="I1235" s="49">
        <v>16</v>
      </c>
      <c r="J1235" s="50">
        <v>8.4</v>
      </c>
    </row>
    <row r="1236" spans="1:25" x14ac:dyDescent="0.2">
      <c r="B1236" s="7" t="s">
        <v>71</v>
      </c>
      <c r="C1236" s="4" t="s">
        <v>112</v>
      </c>
    </row>
    <row r="1237" spans="1:25" x14ac:dyDescent="0.2">
      <c r="B1237" s="4"/>
      <c r="C1237" s="4" t="s">
        <v>73</v>
      </c>
    </row>
    <row r="1239" spans="1:25" x14ac:dyDescent="0.2">
      <c r="C1239" t="s">
        <v>35</v>
      </c>
    </row>
    <row r="1240" spans="1:25" x14ac:dyDescent="0.2">
      <c r="B1240" s="74" t="s">
        <v>201</v>
      </c>
      <c r="C1240" s="75"/>
      <c r="D1240" s="75"/>
      <c r="E1240" s="75"/>
      <c r="F1240" s="75"/>
      <c r="G1240" s="75"/>
      <c r="H1240" s="75"/>
      <c r="I1240" s="75"/>
      <c r="J1240" s="75"/>
      <c r="K1240" s="75"/>
      <c r="L1240" s="75"/>
      <c r="M1240" s="75"/>
      <c r="N1240" s="75"/>
      <c r="O1240" s="75"/>
      <c r="P1240" s="75"/>
      <c r="Q1240" s="75"/>
      <c r="R1240" s="75"/>
      <c r="S1240" s="75"/>
      <c r="T1240" s="75"/>
      <c r="U1240" s="75"/>
      <c r="V1240" s="75"/>
      <c r="W1240" s="75"/>
      <c r="X1240" s="75"/>
      <c r="Y1240" s="75"/>
    </row>
    <row r="1241" spans="1:25" s="32" customFormat="1" ht="36.450000000000003" customHeight="1" x14ac:dyDescent="0.15">
      <c r="A1241" s="31"/>
      <c r="D1241" s="33" t="s">
        <v>242</v>
      </c>
      <c r="E1241" s="35" t="s">
        <v>285</v>
      </c>
      <c r="F1241" s="36" t="s">
        <v>287</v>
      </c>
      <c r="G1241" s="36" t="s">
        <v>279</v>
      </c>
      <c r="H1241" s="36" t="s">
        <v>286</v>
      </c>
      <c r="I1241" s="36" t="s">
        <v>288</v>
      </c>
      <c r="J1241" s="37" t="s">
        <v>276</v>
      </c>
      <c r="K1241" s="34" t="s">
        <v>251</v>
      </c>
    </row>
    <row r="1242" spans="1:25" ht="21.6" x14ac:dyDescent="0.2">
      <c r="B1242" s="76" t="s">
        <v>37</v>
      </c>
      <c r="C1242" s="38" t="s">
        <v>58</v>
      </c>
      <c r="D1242" s="51">
        <v>609</v>
      </c>
      <c r="E1242" s="52">
        <v>1.3</v>
      </c>
      <c r="F1242" s="52">
        <v>2.2999999999999998</v>
      </c>
      <c r="G1242" s="52">
        <v>73.7</v>
      </c>
      <c r="H1242" s="52">
        <v>4.5999999999999996</v>
      </c>
      <c r="I1242" s="52">
        <v>3.9</v>
      </c>
      <c r="J1242" s="53">
        <v>14.1</v>
      </c>
    </row>
    <row r="1243" spans="1:25" ht="21.6" x14ac:dyDescent="0.2">
      <c r="B1243" s="76"/>
      <c r="C1243" s="39" t="s">
        <v>59</v>
      </c>
      <c r="D1243" s="45">
        <v>1391</v>
      </c>
      <c r="E1243" s="46">
        <v>0.6</v>
      </c>
      <c r="F1243" s="46">
        <v>1.2</v>
      </c>
      <c r="G1243" s="46">
        <v>64.5</v>
      </c>
      <c r="H1243" s="46">
        <v>3.3</v>
      </c>
      <c r="I1243" s="46">
        <v>16.5</v>
      </c>
      <c r="J1243" s="47">
        <v>13.9</v>
      </c>
    </row>
    <row r="1244" spans="1:25" x14ac:dyDescent="0.2">
      <c r="B1244" s="76"/>
      <c r="C1244" s="39" t="s">
        <v>60</v>
      </c>
      <c r="D1244" s="45">
        <v>1325</v>
      </c>
      <c r="E1244" s="46">
        <v>1</v>
      </c>
      <c r="F1244" s="46">
        <v>1.5</v>
      </c>
      <c r="G1244" s="46">
        <v>68.2</v>
      </c>
      <c r="H1244" s="46">
        <v>4.2</v>
      </c>
      <c r="I1244" s="46">
        <v>11.9</v>
      </c>
      <c r="J1244" s="47">
        <v>13.2</v>
      </c>
    </row>
    <row r="1245" spans="1:25" x14ac:dyDescent="0.2">
      <c r="B1245" s="76"/>
      <c r="C1245" s="39" t="s">
        <v>61</v>
      </c>
      <c r="D1245" s="45">
        <v>675</v>
      </c>
      <c r="E1245" s="46">
        <v>0.6</v>
      </c>
      <c r="F1245" s="46">
        <v>1.6</v>
      </c>
      <c r="G1245" s="46">
        <v>65.599999999999994</v>
      </c>
      <c r="H1245" s="46">
        <v>2.7</v>
      </c>
      <c r="I1245" s="46">
        <v>14.1</v>
      </c>
      <c r="J1245" s="47">
        <v>15.4</v>
      </c>
    </row>
    <row r="1246" spans="1:25" x14ac:dyDescent="0.2">
      <c r="B1246" s="76"/>
      <c r="C1246" s="39" t="s">
        <v>62</v>
      </c>
      <c r="D1246" s="45">
        <v>1086</v>
      </c>
      <c r="E1246" s="46">
        <v>0.9</v>
      </c>
      <c r="F1246" s="46">
        <v>1.5</v>
      </c>
      <c r="G1246" s="46">
        <v>74.099999999999994</v>
      </c>
      <c r="H1246" s="46">
        <v>4.5999999999999996</v>
      </c>
      <c r="I1246" s="46">
        <v>8.1999999999999993</v>
      </c>
      <c r="J1246" s="47">
        <v>10.7</v>
      </c>
    </row>
    <row r="1247" spans="1:25" ht="21.6" x14ac:dyDescent="0.2">
      <c r="B1247" s="76"/>
      <c r="C1247" s="39" t="s">
        <v>63</v>
      </c>
      <c r="D1247" s="45">
        <v>203</v>
      </c>
      <c r="E1247" s="46">
        <v>1</v>
      </c>
      <c r="F1247" s="46">
        <v>3</v>
      </c>
      <c r="G1247" s="46">
        <v>61.1</v>
      </c>
      <c r="H1247" s="46">
        <v>4.4000000000000004</v>
      </c>
      <c r="I1247" s="46">
        <v>10.3</v>
      </c>
      <c r="J1247" s="47">
        <v>20.2</v>
      </c>
    </row>
    <row r="1248" spans="1:25" x14ac:dyDescent="0.2">
      <c r="B1248" s="76"/>
      <c r="C1248" s="39" t="s">
        <v>64</v>
      </c>
      <c r="D1248" s="45">
        <v>263</v>
      </c>
      <c r="E1248" s="46">
        <v>1.5</v>
      </c>
      <c r="F1248" s="46">
        <v>1.9</v>
      </c>
      <c r="G1248" s="46">
        <v>74.5</v>
      </c>
      <c r="H1248" s="46">
        <v>4.5999999999999996</v>
      </c>
      <c r="I1248" s="46">
        <v>9.1</v>
      </c>
      <c r="J1248" s="47">
        <v>8.4</v>
      </c>
    </row>
    <row r="1249" spans="2:10" x14ac:dyDescent="0.2">
      <c r="B1249" s="76"/>
      <c r="C1249" s="39" t="s">
        <v>65</v>
      </c>
      <c r="D1249" s="45">
        <v>312</v>
      </c>
      <c r="E1249" s="46">
        <v>0.6</v>
      </c>
      <c r="F1249" s="46">
        <v>1.3</v>
      </c>
      <c r="G1249" s="46">
        <v>77.2</v>
      </c>
      <c r="H1249" s="46">
        <v>5.0999999999999996</v>
      </c>
      <c r="I1249" s="46">
        <v>7.4</v>
      </c>
      <c r="J1249" s="47">
        <v>8.3000000000000007</v>
      </c>
    </row>
    <row r="1250" spans="2:10" x14ac:dyDescent="0.2">
      <c r="B1250" s="76"/>
      <c r="C1250" s="39" t="s">
        <v>66</v>
      </c>
      <c r="D1250" s="45">
        <v>230</v>
      </c>
      <c r="E1250" s="46">
        <v>0.4</v>
      </c>
      <c r="F1250" s="46">
        <v>0.4</v>
      </c>
      <c r="G1250" s="46">
        <v>80.900000000000006</v>
      </c>
      <c r="H1250" s="46">
        <v>4.3</v>
      </c>
      <c r="I1250" s="46">
        <v>5.2</v>
      </c>
      <c r="J1250" s="47">
        <v>8.6999999999999993</v>
      </c>
    </row>
    <row r="1251" spans="2:10" x14ac:dyDescent="0.2">
      <c r="B1251" s="76"/>
      <c r="C1251" s="39" t="s">
        <v>67</v>
      </c>
      <c r="D1251" s="45">
        <v>78</v>
      </c>
      <c r="E1251" s="46">
        <v>1.3</v>
      </c>
      <c r="F1251" s="46">
        <v>0</v>
      </c>
      <c r="G1251" s="46">
        <v>74.400000000000006</v>
      </c>
      <c r="H1251" s="46">
        <v>3.8</v>
      </c>
      <c r="I1251" s="46">
        <v>11.5</v>
      </c>
      <c r="J1251" s="47">
        <v>9</v>
      </c>
    </row>
    <row r="1252" spans="2:10" x14ac:dyDescent="0.2">
      <c r="B1252" s="76"/>
      <c r="C1252" s="39" t="s">
        <v>68</v>
      </c>
      <c r="D1252" s="45">
        <v>897</v>
      </c>
      <c r="E1252" s="46">
        <v>1.1000000000000001</v>
      </c>
      <c r="F1252" s="46">
        <v>1.3</v>
      </c>
      <c r="G1252" s="46">
        <v>78.7</v>
      </c>
      <c r="H1252" s="46">
        <v>5.0999999999999996</v>
      </c>
      <c r="I1252" s="46">
        <v>4.3</v>
      </c>
      <c r="J1252" s="47">
        <v>9.4</v>
      </c>
    </row>
    <row r="1253" spans="2:10" x14ac:dyDescent="0.2">
      <c r="B1253" s="76"/>
      <c r="C1253" s="39" t="s">
        <v>69</v>
      </c>
      <c r="D1253" s="45">
        <v>189</v>
      </c>
      <c r="E1253" s="46">
        <v>0</v>
      </c>
      <c r="F1253" s="46">
        <v>2.1</v>
      </c>
      <c r="G1253" s="46">
        <v>52.4</v>
      </c>
      <c r="H1253" s="46">
        <v>2.1</v>
      </c>
      <c r="I1253" s="46">
        <v>26.5</v>
      </c>
      <c r="J1253" s="47">
        <v>16.899999999999999</v>
      </c>
    </row>
    <row r="1254" spans="2:10" x14ac:dyDescent="0.2">
      <c r="B1254" s="76"/>
      <c r="C1254" s="39" t="s">
        <v>70</v>
      </c>
      <c r="D1254" s="45">
        <v>914</v>
      </c>
      <c r="E1254" s="46">
        <v>0.8</v>
      </c>
      <c r="F1254" s="46">
        <v>1.6</v>
      </c>
      <c r="G1254" s="46">
        <v>59.2</v>
      </c>
      <c r="H1254" s="46">
        <v>2.6</v>
      </c>
      <c r="I1254" s="46">
        <v>17.899999999999999</v>
      </c>
      <c r="J1254" s="47">
        <v>17.8</v>
      </c>
    </row>
    <row r="1255" spans="2:10" ht="21.6" x14ac:dyDescent="0.2">
      <c r="B1255" s="76"/>
      <c r="C1255" s="39" t="s">
        <v>63</v>
      </c>
      <c r="D1255" s="45">
        <v>193</v>
      </c>
      <c r="E1255" s="46">
        <v>1</v>
      </c>
      <c r="F1255" s="46">
        <v>2.1</v>
      </c>
      <c r="G1255" s="46">
        <v>54.4</v>
      </c>
      <c r="H1255" s="46">
        <v>4.7</v>
      </c>
      <c r="I1255" s="46">
        <v>8.8000000000000007</v>
      </c>
      <c r="J1255" s="47">
        <v>29</v>
      </c>
    </row>
    <row r="1256" spans="2:10" x14ac:dyDescent="0.2">
      <c r="B1256" s="76"/>
      <c r="C1256" s="39" t="s">
        <v>64</v>
      </c>
      <c r="D1256" s="45">
        <v>203</v>
      </c>
      <c r="E1256" s="46">
        <v>0.5</v>
      </c>
      <c r="F1256" s="46">
        <v>1.5</v>
      </c>
      <c r="G1256" s="46">
        <v>59.6</v>
      </c>
      <c r="H1256" s="46">
        <v>2.5</v>
      </c>
      <c r="I1256" s="46">
        <v>16.7</v>
      </c>
      <c r="J1256" s="47">
        <v>19.2</v>
      </c>
    </row>
    <row r="1257" spans="2:10" x14ac:dyDescent="0.2">
      <c r="B1257" s="76"/>
      <c r="C1257" s="39" t="s">
        <v>65</v>
      </c>
      <c r="D1257" s="45">
        <v>263</v>
      </c>
      <c r="E1257" s="46">
        <v>0.8</v>
      </c>
      <c r="F1257" s="46">
        <v>1.9</v>
      </c>
      <c r="G1257" s="46">
        <v>63.1</v>
      </c>
      <c r="H1257" s="46">
        <v>1.9</v>
      </c>
      <c r="I1257" s="46">
        <v>19.399999999999999</v>
      </c>
      <c r="J1257" s="47">
        <v>12.9</v>
      </c>
    </row>
    <row r="1258" spans="2:10" x14ac:dyDescent="0.2">
      <c r="B1258" s="76"/>
      <c r="C1258" s="39" t="s">
        <v>66</v>
      </c>
      <c r="D1258" s="45">
        <v>194</v>
      </c>
      <c r="E1258" s="46">
        <v>0.5</v>
      </c>
      <c r="F1258" s="46">
        <v>1.5</v>
      </c>
      <c r="G1258" s="46">
        <v>61.9</v>
      </c>
      <c r="H1258" s="46">
        <v>1.5</v>
      </c>
      <c r="I1258" s="46">
        <v>19.600000000000001</v>
      </c>
      <c r="J1258" s="47">
        <v>14.9</v>
      </c>
    </row>
    <row r="1259" spans="2:10" x14ac:dyDescent="0.2">
      <c r="B1259" s="76"/>
      <c r="C1259" s="39" t="s">
        <v>67</v>
      </c>
      <c r="D1259" s="45">
        <v>61</v>
      </c>
      <c r="E1259" s="46">
        <v>1.6</v>
      </c>
      <c r="F1259" s="46">
        <v>0</v>
      </c>
      <c r="G1259" s="46">
        <v>47.5</v>
      </c>
      <c r="H1259" s="46">
        <v>3.3</v>
      </c>
      <c r="I1259" s="46">
        <v>39.299999999999997</v>
      </c>
      <c r="J1259" s="47">
        <v>8.1999999999999993</v>
      </c>
    </row>
    <row r="1260" spans="2:10" x14ac:dyDescent="0.2">
      <c r="B1260" s="76"/>
      <c r="C1260" s="39" t="s">
        <v>68</v>
      </c>
      <c r="D1260" s="45">
        <v>416</v>
      </c>
      <c r="E1260" s="46">
        <v>1.2</v>
      </c>
      <c r="F1260" s="46">
        <v>1.9</v>
      </c>
      <c r="G1260" s="46">
        <v>71.2</v>
      </c>
      <c r="H1260" s="46">
        <v>3.6</v>
      </c>
      <c r="I1260" s="46">
        <v>7.5</v>
      </c>
      <c r="J1260" s="47">
        <v>14.7</v>
      </c>
    </row>
    <row r="1261" spans="2:10" x14ac:dyDescent="0.2">
      <c r="B1261" s="76"/>
      <c r="C1261" s="40" t="s">
        <v>69</v>
      </c>
      <c r="D1261" s="48">
        <v>498</v>
      </c>
      <c r="E1261" s="49">
        <v>0.4</v>
      </c>
      <c r="F1261" s="49">
        <v>1.4</v>
      </c>
      <c r="G1261" s="49">
        <v>49.2</v>
      </c>
      <c r="H1261" s="49">
        <v>1.8</v>
      </c>
      <c r="I1261" s="49">
        <v>26.7</v>
      </c>
      <c r="J1261" s="50">
        <v>20.5</v>
      </c>
    </row>
    <row r="1262" spans="2:10" x14ac:dyDescent="0.2">
      <c r="B1262" s="7" t="s">
        <v>71</v>
      </c>
      <c r="C1262" s="4" t="s">
        <v>112</v>
      </c>
    </row>
    <row r="1263" spans="2:10" x14ac:dyDescent="0.2">
      <c r="B1263" s="4"/>
      <c r="C1263" s="4" t="s">
        <v>73</v>
      </c>
    </row>
    <row r="1265" spans="1:25" x14ac:dyDescent="0.2">
      <c r="A1265" s="26" t="s">
        <v>25</v>
      </c>
      <c r="B1265" t="s">
        <v>35</v>
      </c>
      <c r="C1265" t="s">
        <v>35</v>
      </c>
    </row>
    <row r="1266" spans="1:25" x14ac:dyDescent="0.2">
      <c r="B1266" s="74" t="s">
        <v>113</v>
      </c>
      <c r="C1266" s="75"/>
      <c r="D1266" s="75"/>
      <c r="E1266" s="75"/>
      <c r="F1266" s="75"/>
      <c r="G1266" s="75"/>
      <c r="H1266" s="75"/>
      <c r="I1266" s="75"/>
      <c r="J1266" s="75"/>
      <c r="K1266" s="75"/>
      <c r="L1266" s="75"/>
      <c r="M1266" s="75"/>
      <c r="N1266" s="75"/>
      <c r="O1266" s="75"/>
      <c r="P1266" s="75"/>
      <c r="Q1266" s="75"/>
      <c r="R1266" s="75"/>
      <c r="S1266" s="75"/>
      <c r="T1266" s="75"/>
      <c r="U1266" s="75"/>
      <c r="V1266" s="75"/>
      <c r="W1266" s="75"/>
      <c r="X1266" s="75"/>
      <c r="Y1266" s="75"/>
    </row>
    <row r="1267" spans="1:25" s="32" customFormat="1" ht="36.450000000000003" customHeight="1" x14ac:dyDescent="0.15">
      <c r="A1267" s="31"/>
      <c r="D1267" s="33" t="s">
        <v>242</v>
      </c>
      <c r="E1267" s="35" t="s">
        <v>285</v>
      </c>
      <c r="F1267" s="36" t="s">
        <v>287</v>
      </c>
      <c r="G1267" s="36" t="s">
        <v>279</v>
      </c>
      <c r="H1267" s="36" t="s">
        <v>286</v>
      </c>
      <c r="I1267" s="36" t="s">
        <v>288</v>
      </c>
      <c r="J1267" s="37" t="s">
        <v>276</v>
      </c>
      <c r="K1267" s="34" t="s">
        <v>251</v>
      </c>
    </row>
    <row r="1268" spans="1:25" x14ac:dyDescent="0.2">
      <c r="B1268" s="5"/>
      <c r="C1268" s="41" t="s">
        <v>38</v>
      </c>
      <c r="D1268" s="42">
        <v>2000</v>
      </c>
      <c r="E1268" s="43">
        <v>1.8</v>
      </c>
      <c r="F1268" s="43">
        <v>3.4</v>
      </c>
      <c r="G1268" s="43">
        <v>59</v>
      </c>
      <c r="H1268" s="43">
        <v>6</v>
      </c>
      <c r="I1268" s="43">
        <v>16.5</v>
      </c>
      <c r="J1268" s="44">
        <v>13.5</v>
      </c>
    </row>
    <row r="1269" spans="1:25" x14ac:dyDescent="0.2">
      <c r="B1269" s="76" t="s">
        <v>37</v>
      </c>
      <c r="C1269" s="39" t="s">
        <v>39</v>
      </c>
      <c r="D1269" s="45">
        <v>111</v>
      </c>
      <c r="E1269" s="46">
        <v>3.6</v>
      </c>
      <c r="F1269" s="46">
        <v>2.7</v>
      </c>
      <c r="G1269" s="46">
        <v>66.7</v>
      </c>
      <c r="H1269" s="46">
        <v>4.5</v>
      </c>
      <c r="I1269" s="46">
        <v>14.4</v>
      </c>
      <c r="J1269" s="47">
        <v>8.1</v>
      </c>
    </row>
    <row r="1270" spans="1:25" x14ac:dyDescent="0.2">
      <c r="B1270" s="76"/>
      <c r="C1270" s="39" t="s">
        <v>40</v>
      </c>
      <c r="D1270" s="45">
        <v>450</v>
      </c>
      <c r="E1270" s="46">
        <v>0.7</v>
      </c>
      <c r="F1270" s="46">
        <v>4</v>
      </c>
      <c r="G1270" s="46">
        <v>62.2</v>
      </c>
      <c r="H1270" s="46">
        <v>9.1</v>
      </c>
      <c r="I1270" s="46">
        <v>13.1</v>
      </c>
      <c r="J1270" s="47">
        <v>10.9</v>
      </c>
    </row>
    <row r="1271" spans="1:25" ht="21.6" x14ac:dyDescent="0.2">
      <c r="B1271" s="76"/>
      <c r="C1271" s="39" t="s">
        <v>41</v>
      </c>
      <c r="D1271" s="45">
        <v>30</v>
      </c>
      <c r="E1271" s="46">
        <v>0</v>
      </c>
      <c r="F1271" s="46">
        <v>10</v>
      </c>
      <c r="G1271" s="46">
        <v>53.3</v>
      </c>
      <c r="H1271" s="46">
        <v>6.7</v>
      </c>
      <c r="I1271" s="46">
        <v>10</v>
      </c>
      <c r="J1271" s="47">
        <v>20</v>
      </c>
    </row>
    <row r="1272" spans="1:25" ht="21.6" x14ac:dyDescent="0.2">
      <c r="B1272" s="76"/>
      <c r="C1272" s="39" t="s">
        <v>42</v>
      </c>
      <c r="D1272" s="45">
        <v>336</v>
      </c>
      <c r="E1272" s="46">
        <v>3.6</v>
      </c>
      <c r="F1272" s="46">
        <v>2.1</v>
      </c>
      <c r="G1272" s="46">
        <v>64.3</v>
      </c>
      <c r="H1272" s="46">
        <v>3.9</v>
      </c>
      <c r="I1272" s="46">
        <v>10.1</v>
      </c>
      <c r="J1272" s="47">
        <v>16.100000000000001</v>
      </c>
    </row>
    <row r="1273" spans="1:25" ht="21.6" x14ac:dyDescent="0.2">
      <c r="B1273" s="76"/>
      <c r="C1273" s="39" t="s">
        <v>43</v>
      </c>
      <c r="D1273" s="45">
        <v>327</v>
      </c>
      <c r="E1273" s="46">
        <v>1.8</v>
      </c>
      <c r="F1273" s="46">
        <v>3.1</v>
      </c>
      <c r="G1273" s="46">
        <v>51.1</v>
      </c>
      <c r="H1273" s="46">
        <v>4.5999999999999996</v>
      </c>
      <c r="I1273" s="46">
        <v>23.2</v>
      </c>
      <c r="J1273" s="47">
        <v>16.2</v>
      </c>
    </row>
    <row r="1274" spans="1:25" ht="21.6" x14ac:dyDescent="0.2">
      <c r="B1274" s="76"/>
      <c r="C1274" s="39" t="s">
        <v>44</v>
      </c>
      <c r="D1274" s="45">
        <v>181</v>
      </c>
      <c r="E1274" s="46">
        <v>1.7</v>
      </c>
      <c r="F1274" s="46">
        <v>3.9</v>
      </c>
      <c r="G1274" s="46">
        <v>64.599999999999994</v>
      </c>
      <c r="H1274" s="46">
        <v>7.7</v>
      </c>
      <c r="I1274" s="46">
        <v>11.6</v>
      </c>
      <c r="J1274" s="47">
        <v>10.5</v>
      </c>
    </row>
    <row r="1275" spans="1:25" ht="21.6" x14ac:dyDescent="0.2">
      <c r="B1275" s="76"/>
      <c r="C1275" s="39" t="s">
        <v>45</v>
      </c>
      <c r="D1275" s="45">
        <v>565</v>
      </c>
      <c r="E1275" s="46">
        <v>1.2</v>
      </c>
      <c r="F1275" s="46">
        <v>3.4</v>
      </c>
      <c r="G1275" s="46">
        <v>54.7</v>
      </c>
      <c r="H1275" s="46">
        <v>5.0999999999999996</v>
      </c>
      <c r="I1275" s="46">
        <v>21.4</v>
      </c>
      <c r="J1275" s="47">
        <v>14.2</v>
      </c>
    </row>
    <row r="1276" spans="1:25" ht="21.6" x14ac:dyDescent="0.2">
      <c r="B1276" s="76"/>
      <c r="C1276" s="39" t="s">
        <v>46</v>
      </c>
      <c r="D1276" s="45">
        <v>473</v>
      </c>
      <c r="E1276" s="46">
        <v>1.9</v>
      </c>
      <c r="F1276" s="46">
        <v>2.7</v>
      </c>
      <c r="G1276" s="46">
        <v>50.1</v>
      </c>
      <c r="H1276" s="46">
        <v>5.5</v>
      </c>
      <c r="I1276" s="46">
        <v>24.7</v>
      </c>
      <c r="J1276" s="47">
        <v>15</v>
      </c>
    </row>
    <row r="1277" spans="1:25" ht="21.6" x14ac:dyDescent="0.2">
      <c r="B1277" s="76"/>
      <c r="C1277" s="39" t="s">
        <v>47</v>
      </c>
      <c r="D1277" s="45">
        <v>441</v>
      </c>
      <c r="E1277" s="46">
        <v>1.6</v>
      </c>
      <c r="F1277" s="46">
        <v>3.2</v>
      </c>
      <c r="G1277" s="46">
        <v>63</v>
      </c>
      <c r="H1277" s="46">
        <v>6.6</v>
      </c>
      <c r="I1277" s="46">
        <v>15.4</v>
      </c>
      <c r="J1277" s="47">
        <v>10.199999999999999</v>
      </c>
    </row>
    <row r="1278" spans="1:25" ht="21.6" x14ac:dyDescent="0.2">
      <c r="B1278" s="76"/>
      <c r="C1278" s="39" t="s">
        <v>48</v>
      </c>
      <c r="D1278" s="45">
        <v>305</v>
      </c>
      <c r="E1278" s="46">
        <v>0.7</v>
      </c>
      <c r="F1278" s="46">
        <v>4.3</v>
      </c>
      <c r="G1278" s="46">
        <v>62.6</v>
      </c>
      <c r="H1278" s="46">
        <v>7.2</v>
      </c>
      <c r="I1278" s="46">
        <v>14.1</v>
      </c>
      <c r="J1278" s="47">
        <v>11.1</v>
      </c>
    </row>
    <row r="1279" spans="1:25" ht="21.6" x14ac:dyDescent="0.2">
      <c r="B1279" s="76"/>
      <c r="C1279" s="39" t="s">
        <v>49</v>
      </c>
      <c r="D1279" s="45">
        <v>223</v>
      </c>
      <c r="E1279" s="46">
        <v>2.2000000000000002</v>
      </c>
      <c r="F1279" s="46">
        <v>4.9000000000000004</v>
      </c>
      <c r="G1279" s="46">
        <v>65.5</v>
      </c>
      <c r="H1279" s="46">
        <v>8.1</v>
      </c>
      <c r="I1279" s="46">
        <v>12.1</v>
      </c>
      <c r="J1279" s="47">
        <v>7.2</v>
      </c>
    </row>
    <row r="1280" spans="1:25" ht="21.6" x14ac:dyDescent="0.2">
      <c r="B1280" s="76"/>
      <c r="C1280" s="39" t="s">
        <v>50</v>
      </c>
      <c r="D1280" s="45">
        <v>123</v>
      </c>
      <c r="E1280" s="46">
        <v>4.0999999999999996</v>
      </c>
      <c r="F1280" s="46">
        <v>5.7</v>
      </c>
      <c r="G1280" s="46">
        <v>71.5</v>
      </c>
      <c r="H1280" s="46">
        <v>3.3</v>
      </c>
      <c r="I1280" s="46">
        <v>8.1</v>
      </c>
      <c r="J1280" s="47">
        <v>7.3</v>
      </c>
    </row>
    <row r="1281" spans="1:25" ht="21.6" x14ac:dyDescent="0.2">
      <c r="B1281" s="76"/>
      <c r="C1281" s="39" t="s">
        <v>51</v>
      </c>
      <c r="D1281" s="45">
        <v>124</v>
      </c>
      <c r="E1281" s="46">
        <v>4.8</v>
      </c>
      <c r="F1281" s="46">
        <v>3.2</v>
      </c>
      <c r="G1281" s="46">
        <v>66.099999999999994</v>
      </c>
      <c r="H1281" s="46">
        <v>5.6</v>
      </c>
      <c r="I1281" s="46">
        <v>13.7</v>
      </c>
      <c r="J1281" s="47">
        <v>6.5</v>
      </c>
    </row>
    <row r="1282" spans="1:25" ht="21.6" x14ac:dyDescent="0.2">
      <c r="B1282" s="76"/>
      <c r="C1282" s="39" t="s">
        <v>52</v>
      </c>
      <c r="D1282" s="45">
        <v>312</v>
      </c>
      <c r="E1282" s="46">
        <v>0.6</v>
      </c>
      <c r="F1282" s="46">
        <v>1.6</v>
      </c>
      <c r="G1282" s="46">
        <v>53.8</v>
      </c>
      <c r="H1282" s="46">
        <v>3.8</v>
      </c>
      <c r="I1282" s="46">
        <v>28.5</v>
      </c>
      <c r="J1282" s="47">
        <v>11.5</v>
      </c>
    </row>
    <row r="1283" spans="1:25" x14ac:dyDescent="0.2">
      <c r="B1283" s="76"/>
      <c r="C1283" s="39" t="s">
        <v>53</v>
      </c>
      <c r="D1283" s="45">
        <v>269</v>
      </c>
      <c r="E1283" s="46">
        <v>1.5</v>
      </c>
      <c r="F1283" s="46">
        <v>3.7</v>
      </c>
      <c r="G1283" s="46">
        <v>57.6</v>
      </c>
      <c r="H1283" s="46">
        <v>4.8</v>
      </c>
      <c r="I1283" s="46">
        <v>22.7</v>
      </c>
      <c r="J1283" s="47">
        <v>9.6999999999999993</v>
      </c>
    </row>
    <row r="1284" spans="1:25" ht="21.6" x14ac:dyDescent="0.2">
      <c r="B1284" s="76"/>
      <c r="C1284" s="39" t="s">
        <v>54</v>
      </c>
      <c r="D1284" s="45">
        <v>511</v>
      </c>
      <c r="E1284" s="46">
        <v>2.5</v>
      </c>
      <c r="F1284" s="46">
        <v>5.5</v>
      </c>
      <c r="G1284" s="46">
        <v>60.7</v>
      </c>
      <c r="H1284" s="46">
        <v>7.4</v>
      </c>
      <c r="I1284" s="46">
        <v>13.9</v>
      </c>
      <c r="J1284" s="47">
        <v>10</v>
      </c>
    </row>
    <row r="1285" spans="1:25" ht="21.6" x14ac:dyDescent="0.2">
      <c r="B1285" s="76"/>
      <c r="C1285" s="39" t="s">
        <v>55</v>
      </c>
      <c r="D1285" s="45">
        <v>615</v>
      </c>
      <c r="E1285" s="46">
        <v>2.6</v>
      </c>
      <c r="F1285" s="46">
        <v>3.3</v>
      </c>
      <c r="G1285" s="46">
        <v>68.900000000000006</v>
      </c>
      <c r="H1285" s="46">
        <v>7.6</v>
      </c>
      <c r="I1285" s="46">
        <v>6.7</v>
      </c>
      <c r="J1285" s="47">
        <v>10.9</v>
      </c>
    </row>
    <row r="1286" spans="1:25" ht="21.6" x14ac:dyDescent="0.2">
      <c r="B1286" s="76"/>
      <c r="C1286" s="39" t="s">
        <v>56</v>
      </c>
      <c r="D1286" s="45">
        <v>800</v>
      </c>
      <c r="E1286" s="46">
        <v>2.6</v>
      </c>
      <c r="F1286" s="46">
        <v>4</v>
      </c>
      <c r="G1286" s="46">
        <v>65</v>
      </c>
      <c r="H1286" s="46">
        <v>8.4</v>
      </c>
      <c r="I1286" s="46">
        <v>7.1</v>
      </c>
      <c r="J1286" s="47">
        <v>12.9</v>
      </c>
    </row>
    <row r="1287" spans="1:25" x14ac:dyDescent="0.2">
      <c r="B1287" s="76"/>
      <c r="C1287" s="40" t="s">
        <v>57</v>
      </c>
      <c r="D1287" s="48">
        <v>798</v>
      </c>
      <c r="E1287" s="49">
        <v>1.5</v>
      </c>
      <c r="F1287" s="49">
        <v>3.5</v>
      </c>
      <c r="G1287" s="49">
        <v>59.6</v>
      </c>
      <c r="H1287" s="49">
        <v>5.5</v>
      </c>
      <c r="I1287" s="49">
        <v>21.4</v>
      </c>
      <c r="J1287" s="50">
        <v>8.4</v>
      </c>
    </row>
    <row r="1288" spans="1:25" x14ac:dyDescent="0.2">
      <c r="B1288" s="7" t="s">
        <v>71</v>
      </c>
      <c r="C1288" s="4" t="s">
        <v>114</v>
      </c>
    </row>
    <row r="1289" spans="1:25" x14ac:dyDescent="0.2">
      <c r="B1289" s="4"/>
      <c r="C1289" s="4" t="s">
        <v>73</v>
      </c>
    </row>
    <row r="1291" spans="1:25" x14ac:dyDescent="0.2">
      <c r="C1291" t="s">
        <v>35</v>
      </c>
    </row>
    <row r="1292" spans="1:25" x14ac:dyDescent="0.2">
      <c r="B1292" s="74" t="s">
        <v>202</v>
      </c>
      <c r="C1292" s="75"/>
      <c r="D1292" s="75"/>
      <c r="E1292" s="75"/>
      <c r="F1292" s="75"/>
      <c r="G1292" s="75"/>
      <c r="H1292" s="75"/>
      <c r="I1292" s="75"/>
      <c r="J1292" s="75"/>
      <c r="K1292" s="75"/>
      <c r="L1292" s="75"/>
      <c r="M1292" s="75"/>
      <c r="N1292" s="75"/>
      <c r="O1292" s="75"/>
      <c r="P1292" s="75"/>
      <c r="Q1292" s="75"/>
      <c r="R1292" s="75"/>
      <c r="S1292" s="75"/>
      <c r="T1292" s="75"/>
      <c r="U1292" s="75"/>
      <c r="V1292" s="75"/>
      <c r="W1292" s="75"/>
      <c r="X1292" s="75"/>
      <c r="Y1292" s="75"/>
    </row>
    <row r="1293" spans="1:25" s="32" customFormat="1" ht="36.450000000000003" customHeight="1" x14ac:dyDescent="0.15">
      <c r="A1293" s="31"/>
      <c r="D1293" s="33" t="s">
        <v>242</v>
      </c>
      <c r="E1293" s="35" t="s">
        <v>285</v>
      </c>
      <c r="F1293" s="36" t="s">
        <v>287</v>
      </c>
      <c r="G1293" s="36" t="s">
        <v>279</v>
      </c>
      <c r="H1293" s="36" t="s">
        <v>286</v>
      </c>
      <c r="I1293" s="36" t="s">
        <v>288</v>
      </c>
      <c r="J1293" s="37" t="s">
        <v>276</v>
      </c>
      <c r="K1293" s="34" t="s">
        <v>251</v>
      </c>
    </row>
    <row r="1294" spans="1:25" ht="21.6" x14ac:dyDescent="0.2">
      <c r="B1294" s="76" t="s">
        <v>37</v>
      </c>
      <c r="C1294" s="38" t="s">
        <v>58</v>
      </c>
      <c r="D1294" s="51">
        <v>609</v>
      </c>
      <c r="E1294" s="52">
        <v>2.6</v>
      </c>
      <c r="F1294" s="52">
        <v>4.9000000000000004</v>
      </c>
      <c r="G1294" s="52">
        <v>62.1</v>
      </c>
      <c r="H1294" s="52">
        <v>9.4</v>
      </c>
      <c r="I1294" s="52">
        <v>7.2</v>
      </c>
      <c r="J1294" s="53">
        <v>13.8</v>
      </c>
    </row>
    <row r="1295" spans="1:25" ht="21.6" x14ac:dyDescent="0.2">
      <c r="B1295" s="76"/>
      <c r="C1295" s="39" t="s">
        <v>59</v>
      </c>
      <c r="D1295" s="45">
        <v>1391</v>
      </c>
      <c r="E1295" s="46">
        <v>1.4</v>
      </c>
      <c r="F1295" s="46">
        <v>2.7</v>
      </c>
      <c r="G1295" s="46">
        <v>57.6</v>
      </c>
      <c r="H1295" s="46">
        <v>4.5</v>
      </c>
      <c r="I1295" s="46">
        <v>20.6</v>
      </c>
      <c r="J1295" s="47">
        <v>13.4</v>
      </c>
    </row>
    <row r="1296" spans="1:25" x14ac:dyDescent="0.2">
      <c r="B1296" s="76"/>
      <c r="C1296" s="39" t="s">
        <v>60</v>
      </c>
      <c r="D1296" s="45">
        <v>1325</v>
      </c>
      <c r="E1296" s="46">
        <v>2.2999999999999998</v>
      </c>
      <c r="F1296" s="46">
        <v>2.6</v>
      </c>
      <c r="G1296" s="46">
        <v>60.4</v>
      </c>
      <c r="H1296" s="46">
        <v>5.8</v>
      </c>
      <c r="I1296" s="46">
        <v>15.4</v>
      </c>
      <c r="J1296" s="47">
        <v>13.5</v>
      </c>
    </row>
    <row r="1297" spans="2:10" x14ac:dyDescent="0.2">
      <c r="B1297" s="76"/>
      <c r="C1297" s="39" t="s">
        <v>61</v>
      </c>
      <c r="D1297" s="45">
        <v>675</v>
      </c>
      <c r="E1297" s="46">
        <v>0.7</v>
      </c>
      <c r="F1297" s="46">
        <v>4.7</v>
      </c>
      <c r="G1297" s="46">
        <v>56.1</v>
      </c>
      <c r="H1297" s="46">
        <v>6.2</v>
      </c>
      <c r="I1297" s="46">
        <v>18.7</v>
      </c>
      <c r="J1297" s="47">
        <v>13.5</v>
      </c>
    </row>
    <row r="1298" spans="2:10" x14ac:dyDescent="0.2">
      <c r="B1298" s="76"/>
      <c r="C1298" s="39" t="s">
        <v>62</v>
      </c>
      <c r="D1298" s="45">
        <v>1086</v>
      </c>
      <c r="E1298" s="46">
        <v>2.1</v>
      </c>
      <c r="F1298" s="46">
        <v>4.0999999999999996</v>
      </c>
      <c r="G1298" s="46">
        <v>65.099999999999994</v>
      </c>
      <c r="H1298" s="46">
        <v>6.5</v>
      </c>
      <c r="I1298" s="46">
        <v>11.3</v>
      </c>
      <c r="J1298" s="47">
        <v>10.9</v>
      </c>
    </row>
    <row r="1299" spans="2:10" ht="21.6" x14ac:dyDescent="0.2">
      <c r="B1299" s="76"/>
      <c r="C1299" s="39" t="s">
        <v>63</v>
      </c>
      <c r="D1299" s="45">
        <v>203</v>
      </c>
      <c r="E1299" s="46">
        <v>3.4</v>
      </c>
      <c r="F1299" s="46">
        <v>4.9000000000000004</v>
      </c>
      <c r="G1299" s="46">
        <v>55.7</v>
      </c>
      <c r="H1299" s="46">
        <v>5.4</v>
      </c>
      <c r="I1299" s="46">
        <v>11.8</v>
      </c>
      <c r="J1299" s="47">
        <v>18.7</v>
      </c>
    </row>
    <row r="1300" spans="2:10" x14ac:dyDescent="0.2">
      <c r="B1300" s="76"/>
      <c r="C1300" s="39" t="s">
        <v>64</v>
      </c>
      <c r="D1300" s="45">
        <v>263</v>
      </c>
      <c r="E1300" s="46">
        <v>2.7</v>
      </c>
      <c r="F1300" s="46">
        <v>7.2</v>
      </c>
      <c r="G1300" s="46">
        <v>63.9</v>
      </c>
      <c r="H1300" s="46">
        <v>6.8</v>
      </c>
      <c r="I1300" s="46">
        <v>9.9</v>
      </c>
      <c r="J1300" s="47">
        <v>9.5</v>
      </c>
    </row>
    <row r="1301" spans="2:10" x14ac:dyDescent="0.2">
      <c r="B1301" s="76"/>
      <c r="C1301" s="39" t="s">
        <v>65</v>
      </c>
      <c r="D1301" s="45">
        <v>312</v>
      </c>
      <c r="E1301" s="46">
        <v>1.3</v>
      </c>
      <c r="F1301" s="46">
        <v>2.9</v>
      </c>
      <c r="G1301" s="46">
        <v>68.599999999999994</v>
      </c>
      <c r="H1301" s="46">
        <v>6.7</v>
      </c>
      <c r="I1301" s="46">
        <v>12.8</v>
      </c>
      <c r="J1301" s="47">
        <v>7.7</v>
      </c>
    </row>
    <row r="1302" spans="2:10" x14ac:dyDescent="0.2">
      <c r="B1302" s="76"/>
      <c r="C1302" s="39" t="s">
        <v>66</v>
      </c>
      <c r="D1302" s="45">
        <v>230</v>
      </c>
      <c r="E1302" s="46">
        <v>1.3</v>
      </c>
      <c r="F1302" s="46">
        <v>2.2000000000000002</v>
      </c>
      <c r="G1302" s="46">
        <v>69.599999999999994</v>
      </c>
      <c r="H1302" s="46">
        <v>8.3000000000000007</v>
      </c>
      <c r="I1302" s="46">
        <v>8.3000000000000007</v>
      </c>
      <c r="J1302" s="47">
        <v>10.4</v>
      </c>
    </row>
    <row r="1303" spans="2:10" x14ac:dyDescent="0.2">
      <c r="B1303" s="76"/>
      <c r="C1303" s="39" t="s">
        <v>67</v>
      </c>
      <c r="D1303" s="45">
        <v>78</v>
      </c>
      <c r="E1303" s="46">
        <v>2.6</v>
      </c>
      <c r="F1303" s="46">
        <v>1.3</v>
      </c>
      <c r="G1303" s="46">
        <v>66.7</v>
      </c>
      <c r="H1303" s="46">
        <v>2.6</v>
      </c>
      <c r="I1303" s="46">
        <v>17.899999999999999</v>
      </c>
      <c r="J1303" s="47">
        <v>9</v>
      </c>
    </row>
    <row r="1304" spans="2:10" x14ac:dyDescent="0.2">
      <c r="B1304" s="76"/>
      <c r="C1304" s="39" t="s">
        <v>68</v>
      </c>
      <c r="D1304" s="45">
        <v>897</v>
      </c>
      <c r="E1304" s="46">
        <v>2.2999999999999998</v>
      </c>
      <c r="F1304" s="46">
        <v>4.5</v>
      </c>
      <c r="G1304" s="46">
        <v>68.5</v>
      </c>
      <c r="H1304" s="46">
        <v>7.5</v>
      </c>
      <c r="I1304" s="46">
        <v>7.7</v>
      </c>
      <c r="J1304" s="47">
        <v>9.6</v>
      </c>
    </row>
    <row r="1305" spans="2:10" x14ac:dyDescent="0.2">
      <c r="B1305" s="76"/>
      <c r="C1305" s="39" t="s">
        <v>69</v>
      </c>
      <c r="D1305" s="45">
        <v>189</v>
      </c>
      <c r="E1305" s="46">
        <v>1.1000000000000001</v>
      </c>
      <c r="F1305" s="46">
        <v>2.1</v>
      </c>
      <c r="G1305" s="46">
        <v>49.2</v>
      </c>
      <c r="H1305" s="46">
        <v>2.1</v>
      </c>
      <c r="I1305" s="46">
        <v>28.6</v>
      </c>
      <c r="J1305" s="47">
        <v>16.899999999999999</v>
      </c>
    </row>
    <row r="1306" spans="2:10" x14ac:dyDescent="0.2">
      <c r="B1306" s="76"/>
      <c r="C1306" s="39" t="s">
        <v>70</v>
      </c>
      <c r="D1306" s="45">
        <v>914</v>
      </c>
      <c r="E1306" s="46">
        <v>1.3</v>
      </c>
      <c r="F1306" s="46">
        <v>2.5</v>
      </c>
      <c r="G1306" s="46">
        <v>51.6</v>
      </c>
      <c r="H1306" s="46">
        <v>5.3</v>
      </c>
      <c r="I1306" s="46">
        <v>22.6</v>
      </c>
      <c r="J1306" s="47">
        <v>16.600000000000001</v>
      </c>
    </row>
    <row r="1307" spans="2:10" ht="21.6" x14ac:dyDescent="0.2">
      <c r="B1307" s="76"/>
      <c r="C1307" s="39" t="s">
        <v>63</v>
      </c>
      <c r="D1307" s="45">
        <v>193</v>
      </c>
      <c r="E1307" s="46">
        <v>2.6</v>
      </c>
      <c r="F1307" s="46">
        <v>3.6</v>
      </c>
      <c r="G1307" s="46">
        <v>46.1</v>
      </c>
      <c r="H1307" s="46">
        <v>7.3</v>
      </c>
      <c r="I1307" s="46">
        <v>13.5</v>
      </c>
      <c r="J1307" s="47">
        <v>26.9</v>
      </c>
    </row>
    <row r="1308" spans="2:10" x14ac:dyDescent="0.2">
      <c r="B1308" s="76"/>
      <c r="C1308" s="39" t="s">
        <v>64</v>
      </c>
      <c r="D1308" s="45">
        <v>203</v>
      </c>
      <c r="E1308" s="46">
        <v>1</v>
      </c>
      <c r="F1308" s="46">
        <v>2</v>
      </c>
      <c r="G1308" s="46">
        <v>53.2</v>
      </c>
      <c r="H1308" s="46">
        <v>4.9000000000000004</v>
      </c>
      <c r="I1308" s="46">
        <v>20.7</v>
      </c>
      <c r="J1308" s="47">
        <v>18.2</v>
      </c>
    </row>
    <row r="1309" spans="2:10" x14ac:dyDescent="0.2">
      <c r="B1309" s="76"/>
      <c r="C1309" s="39" t="s">
        <v>65</v>
      </c>
      <c r="D1309" s="45">
        <v>263</v>
      </c>
      <c r="E1309" s="46">
        <v>1.1000000000000001</v>
      </c>
      <c r="F1309" s="46">
        <v>2.2999999999999998</v>
      </c>
      <c r="G1309" s="46">
        <v>54.4</v>
      </c>
      <c r="H1309" s="46">
        <v>3.4</v>
      </c>
      <c r="I1309" s="46">
        <v>25.1</v>
      </c>
      <c r="J1309" s="47">
        <v>13.7</v>
      </c>
    </row>
    <row r="1310" spans="2:10" x14ac:dyDescent="0.2">
      <c r="B1310" s="76"/>
      <c r="C1310" s="39" t="s">
        <v>66</v>
      </c>
      <c r="D1310" s="45">
        <v>194</v>
      </c>
      <c r="E1310" s="46">
        <v>1</v>
      </c>
      <c r="F1310" s="46">
        <v>3.1</v>
      </c>
      <c r="G1310" s="46">
        <v>53.6</v>
      </c>
      <c r="H1310" s="46">
        <v>5.2</v>
      </c>
      <c r="I1310" s="46">
        <v>25.8</v>
      </c>
      <c r="J1310" s="47">
        <v>11.3</v>
      </c>
    </row>
    <row r="1311" spans="2:10" x14ac:dyDescent="0.2">
      <c r="B1311" s="76"/>
      <c r="C1311" s="39" t="s">
        <v>67</v>
      </c>
      <c r="D1311" s="45">
        <v>61</v>
      </c>
      <c r="E1311" s="46">
        <v>0</v>
      </c>
      <c r="F1311" s="46">
        <v>0</v>
      </c>
      <c r="G1311" s="46">
        <v>45.9</v>
      </c>
      <c r="H1311" s="46">
        <v>8.1999999999999993</v>
      </c>
      <c r="I1311" s="46">
        <v>37.700000000000003</v>
      </c>
      <c r="J1311" s="47">
        <v>8.1999999999999993</v>
      </c>
    </row>
    <row r="1312" spans="2:10" x14ac:dyDescent="0.2">
      <c r="B1312" s="76"/>
      <c r="C1312" s="39" t="s">
        <v>68</v>
      </c>
      <c r="D1312" s="45">
        <v>416</v>
      </c>
      <c r="E1312" s="46">
        <v>2.4</v>
      </c>
      <c r="F1312" s="46">
        <v>3.4</v>
      </c>
      <c r="G1312" s="46">
        <v>59.9</v>
      </c>
      <c r="H1312" s="46">
        <v>7</v>
      </c>
      <c r="I1312" s="46">
        <v>12.5</v>
      </c>
      <c r="J1312" s="47">
        <v>14.9</v>
      </c>
    </row>
    <row r="1313" spans="1:25" x14ac:dyDescent="0.2">
      <c r="B1313" s="76"/>
      <c r="C1313" s="40" t="s">
        <v>69</v>
      </c>
      <c r="D1313" s="48">
        <v>498</v>
      </c>
      <c r="E1313" s="49">
        <v>0.4</v>
      </c>
      <c r="F1313" s="49">
        <v>1.8</v>
      </c>
      <c r="G1313" s="49">
        <v>44.8</v>
      </c>
      <c r="H1313" s="49">
        <v>3.8</v>
      </c>
      <c r="I1313" s="49">
        <v>31.1</v>
      </c>
      <c r="J1313" s="50">
        <v>18.100000000000001</v>
      </c>
    </row>
    <row r="1314" spans="1:25" x14ac:dyDescent="0.2">
      <c r="B1314" s="7" t="s">
        <v>71</v>
      </c>
      <c r="C1314" s="4" t="s">
        <v>114</v>
      </c>
    </row>
    <row r="1315" spans="1:25" x14ac:dyDescent="0.2">
      <c r="B1315" s="4"/>
      <c r="C1315" s="4" t="s">
        <v>73</v>
      </c>
    </row>
    <row r="1317" spans="1:25" x14ac:dyDescent="0.2">
      <c r="A1317" s="26" t="s">
        <v>25</v>
      </c>
      <c r="B1317" t="s">
        <v>35</v>
      </c>
      <c r="C1317" t="s">
        <v>35</v>
      </c>
    </row>
    <row r="1318" spans="1:25" x14ac:dyDescent="0.2">
      <c r="B1318" s="74" t="s">
        <v>115</v>
      </c>
      <c r="C1318" s="75"/>
      <c r="D1318" s="75"/>
      <c r="E1318" s="75"/>
      <c r="F1318" s="75"/>
      <c r="G1318" s="75"/>
      <c r="H1318" s="75"/>
      <c r="I1318" s="75"/>
      <c r="J1318" s="75"/>
      <c r="K1318" s="75"/>
      <c r="L1318" s="75"/>
      <c r="M1318" s="75"/>
      <c r="N1318" s="75"/>
      <c r="O1318" s="75"/>
      <c r="P1318" s="75"/>
      <c r="Q1318" s="75"/>
      <c r="R1318" s="75"/>
      <c r="S1318" s="75"/>
      <c r="T1318" s="75"/>
      <c r="U1318" s="75"/>
      <c r="V1318" s="75"/>
      <c r="W1318" s="75"/>
      <c r="X1318" s="75"/>
      <c r="Y1318" s="75"/>
    </row>
    <row r="1319" spans="1:25" s="32" customFormat="1" ht="47.25" customHeight="1" x14ac:dyDescent="0.15">
      <c r="A1319" s="31"/>
      <c r="D1319" s="33" t="s">
        <v>242</v>
      </c>
      <c r="E1319" s="35" t="s">
        <v>289</v>
      </c>
      <c r="F1319" s="36" t="s">
        <v>290</v>
      </c>
      <c r="G1319" s="36" t="s">
        <v>291</v>
      </c>
      <c r="H1319" s="36" t="s">
        <v>292</v>
      </c>
      <c r="I1319" s="37" t="s">
        <v>276</v>
      </c>
      <c r="J1319" s="34" t="s">
        <v>251</v>
      </c>
    </row>
    <row r="1320" spans="1:25" x14ac:dyDescent="0.2">
      <c r="B1320" s="5"/>
      <c r="C1320" s="41" t="s">
        <v>38</v>
      </c>
      <c r="D1320" s="42">
        <v>2000</v>
      </c>
      <c r="E1320" s="43">
        <v>11.7</v>
      </c>
      <c r="F1320" s="43">
        <v>25</v>
      </c>
      <c r="G1320" s="43">
        <v>36.5</v>
      </c>
      <c r="H1320" s="43">
        <v>19</v>
      </c>
      <c r="I1320" s="44">
        <v>7.9</v>
      </c>
    </row>
    <row r="1321" spans="1:25" x14ac:dyDescent="0.2">
      <c r="B1321" s="76" t="s">
        <v>37</v>
      </c>
      <c r="C1321" s="39" t="s">
        <v>39</v>
      </c>
      <c r="D1321" s="45">
        <v>111</v>
      </c>
      <c r="E1321" s="46">
        <v>9.9</v>
      </c>
      <c r="F1321" s="46">
        <v>19.8</v>
      </c>
      <c r="G1321" s="46">
        <v>46.8</v>
      </c>
      <c r="H1321" s="46">
        <v>16.2</v>
      </c>
      <c r="I1321" s="47">
        <v>7.2</v>
      </c>
    </row>
    <row r="1322" spans="1:25" x14ac:dyDescent="0.2">
      <c r="B1322" s="76"/>
      <c r="C1322" s="39" t="s">
        <v>40</v>
      </c>
      <c r="D1322" s="45">
        <v>450</v>
      </c>
      <c r="E1322" s="46">
        <v>10.7</v>
      </c>
      <c r="F1322" s="46">
        <v>29.1</v>
      </c>
      <c r="G1322" s="46">
        <v>35.799999999999997</v>
      </c>
      <c r="H1322" s="46">
        <v>17.3</v>
      </c>
      <c r="I1322" s="47">
        <v>7.1</v>
      </c>
    </row>
    <row r="1323" spans="1:25" ht="21.6" x14ac:dyDescent="0.2">
      <c r="B1323" s="76"/>
      <c r="C1323" s="39" t="s">
        <v>41</v>
      </c>
      <c r="D1323" s="45">
        <v>30</v>
      </c>
      <c r="E1323" s="46">
        <v>0</v>
      </c>
      <c r="F1323" s="46">
        <v>26.7</v>
      </c>
      <c r="G1323" s="46">
        <v>30</v>
      </c>
      <c r="H1323" s="46">
        <v>26.7</v>
      </c>
      <c r="I1323" s="47">
        <v>16.7</v>
      </c>
    </row>
    <row r="1324" spans="1:25" ht="21.6" x14ac:dyDescent="0.2">
      <c r="B1324" s="76"/>
      <c r="C1324" s="39" t="s">
        <v>42</v>
      </c>
      <c r="D1324" s="45">
        <v>336</v>
      </c>
      <c r="E1324" s="46">
        <v>12.5</v>
      </c>
      <c r="F1324" s="46">
        <v>21.4</v>
      </c>
      <c r="G1324" s="46">
        <v>35.1</v>
      </c>
      <c r="H1324" s="46">
        <v>23.5</v>
      </c>
      <c r="I1324" s="47">
        <v>7.4</v>
      </c>
    </row>
    <row r="1325" spans="1:25" ht="21.6" x14ac:dyDescent="0.2">
      <c r="B1325" s="76"/>
      <c r="C1325" s="39" t="s">
        <v>43</v>
      </c>
      <c r="D1325" s="45">
        <v>327</v>
      </c>
      <c r="E1325" s="46">
        <v>13.1</v>
      </c>
      <c r="F1325" s="46">
        <v>26.6</v>
      </c>
      <c r="G1325" s="46">
        <v>37.299999999999997</v>
      </c>
      <c r="H1325" s="46">
        <v>16.2</v>
      </c>
      <c r="I1325" s="47">
        <v>6.7</v>
      </c>
    </row>
    <row r="1326" spans="1:25" ht="21.6" x14ac:dyDescent="0.2">
      <c r="B1326" s="76"/>
      <c r="C1326" s="39" t="s">
        <v>44</v>
      </c>
      <c r="D1326" s="45">
        <v>181</v>
      </c>
      <c r="E1326" s="46">
        <v>6.6</v>
      </c>
      <c r="F1326" s="46">
        <v>19.3</v>
      </c>
      <c r="G1326" s="46">
        <v>44.2</v>
      </c>
      <c r="H1326" s="46">
        <v>22.7</v>
      </c>
      <c r="I1326" s="47">
        <v>7.2</v>
      </c>
    </row>
    <row r="1327" spans="1:25" ht="21.6" x14ac:dyDescent="0.2">
      <c r="B1327" s="76"/>
      <c r="C1327" s="39" t="s">
        <v>45</v>
      </c>
      <c r="D1327" s="45">
        <v>565</v>
      </c>
      <c r="E1327" s="46">
        <v>13.8</v>
      </c>
      <c r="F1327" s="46">
        <v>25.7</v>
      </c>
      <c r="G1327" s="46">
        <v>33.1</v>
      </c>
      <c r="H1327" s="46">
        <v>18.100000000000001</v>
      </c>
      <c r="I1327" s="47">
        <v>9.4</v>
      </c>
    </row>
    <row r="1328" spans="1:25" ht="21.6" x14ac:dyDescent="0.2">
      <c r="B1328" s="76"/>
      <c r="C1328" s="39" t="s">
        <v>46</v>
      </c>
      <c r="D1328" s="45">
        <v>473</v>
      </c>
      <c r="E1328" s="46">
        <v>17.5</v>
      </c>
      <c r="F1328" s="46">
        <v>24.5</v>
      </c>
      <c r="G1328" s="46">
        <v>33.4</v>
      </c>
      <c r="H1328" s="46">
        <v>17.3</v>
      </c>
      <c r="I1328" s="47">
        <v>7.2</v>
      </c>
    </row>
    <row r="1329" spans="2:25" ht="21.6" x14ac:dyDescent="0.2">
      <c r="B1329" s="76"/>
      <c r="C1329" s="39" t="s">
        <v>47</v>
      </c>
      <c r="D1329" s="45">
        <v>441</v>
      </c>
      <c r="E1329" s="46">
        <v>10.9</v>
      </c>
      <c r="F1329" s="46">
        <v>24.3</v>
      </c>
      <c r="G1329" s="46">
        <v>39.5</v>
      </c>
      <c r="H1329" s="46">
        <v>20.399999999999999</v>
      </c>
      <c r="I1329" s="47">
        <v>5</v>
      </c>
    </row>
    <row r="1330" spans="2:25" ht="21.6" x14ac:dyDescent="0.2">
      <c r="B1330" s="76"/>
      <c r="C1330" s="39" t="s">
        <v>48</v>
      </c>
      <c r="D1330" s="45">
        <v>305</v>
      </c>
      <c r="E1330" s="46">
        <v>7.9</v>
      </c>
      <c r="F1330" s="46">
        <v>32.799999999999997</v>
      </c>
      <c r="G1330" s="46">
        <v>36.700000000000003</v>
      </c>
      <c r="H1330" s="46">
        <v>17</v>
      </c>
      <c r="I1330" s="47">
        <v>5.6</v>
      </c>
    </row>
    <row r="1331" spans="2:25" ht="21.6" x14ac:dyDescent="0.2">
      <c r="B1331" s="76"/>
      <c r="C1331" s="39" t="s">
        <v>49</v>
      </c>
      <c r="D1331" s="45">
        <v>223</v>
      </c>
      <c r="E1331" s="46">
        <v>10.8</v>
      </c>
      <c r="F1331" s="46">
        <v>27.4</v>
      </c>
      <c r="G1331" s="46">
        <v>39.9</v>
      </c>
      <c r="H1331" s="46">
        <v>18.8</v>
      </c>
      <c r="I1331" s="47">
        <v>3.1</v>
      </c>
    </row>
    <row r="1332" spans="2:25" ht="21.6" x14ac:dyDescent="0.2">
      <c r="B1332" s="76"/>
      <c r="C1332" s="39" t="s">
        <v>50</v>
      </c>
      <c r="D1332" s="45">
        <v>123</v>
      </c>
      <c r="E1332" s="46">
        <v>7.3</v>
      </c>
      <c r="F1332" s="46">
        <v>18.7</v>
      </c>
      <c r="G1332" s="46">
        <v>36.6</v>
      </c>
      <c r="H1332" s="46">
        <v>32.5</v>
      </c>
      <c r="I1332" s="47">
        <v>4.9000000000000004</v>
      </c>
    </row>
    <row r="1333" spans="2:25" ht="21.6" x14ac:dyDescent="0.2">
      <c r="B1333" s="76"/>
      <c r="C1333" s="39" t="s">
        <v>51</v>
      </c>
      <c r="D1333" s="45">
        <v>124</v>
      </c>
      <c r="E1333" s="46">
        <v>4.8</v>
      </c>
      <c r="F1333" s="46">
        <v>17.7</v>
      </c>
      <c r="G1333" s="46">
        <v>41.1</v>
      </c>
      <c r="H1333" s="46">
        <v>29.8</v>
      </c>
      <c r="I1333" s="47">
        <v>6.5</v>
      </c>
    </row>
    <row r="1334" spans="2:25" ht="21.6" x14ac:dyDescent="0.2">
      <c r="B1334" s="76"/>
      <c r="C1334" s="39" t="s">
        <v>52</v>
      </c>
      <c r="D1334" s="45">
        <v>312</v>
      </c>
      <c r="E1334" s="46">
        <v>10.9</v>
      </c>
      <c r="F1334" s="46">
        <v>25.6</v>
      </c>
      <c r="G1334" s="46">
        <v>39.4</v>
      </c>
      <c r="H1334" s="46">
        <v>18.899999999999999</v>
      </c>
      <c r="I1334" s="47">
        <v>5.0999999999999996</v>
      </c>
    </row>
    <row r="1335" spans="2:25" x14ac:dyDescent="0.2">
      <c r="B1335" s="76"/>
      <c r="C1335" s="39" t="s">
        <v>53</v>
      </c>
      <c r="D1335" s="45">
        <v>269</v>
      </c>
      <c r="E1335" s="46">
        <v>12.6</v>
      </c>
      <c r="F1335" s="46">
        <v>26.4</v>
      </c>
      <c r="G1335" s="46">
        <v>33.799999999999997</v>
      </c>
      <c r="H1335" s="46">
        <v>17.8</v>
      </c>
      <c r="I1335" s="47">
        <v>9.3000000000000007</v>
      </c>
    </row>
    <row r="1336" spans="2:25" ht="21.6" x14ac:dyDescent="0.2">
      <c r="B1336" s="76"/>
      <c r="C1336" s="39" t="s">
        <v>54</v>
      </c>
      <c r="D1336" s="45">
        <v>511</v>
      </c>
      <c r="E1336" s="46">
        <v>12.1</v>
      </c>
      <c r="F1336" s="46">
        <v>27.6</v>
      </c>
      <c r="G1336" s="46">
        <v>38.4</v>
      </c>
      <c r="H1336" s="46">
        <v>16.8</v>
      </c>
      <c r="I1336" s="47">
        <v>5.0999999999999996</v>
      </c>
    </row>
    <row r="1337" spans="2:25" ht="21.6" x14ac:dyDescent="0.2">
      <c r="B1337" s="76"/>
      <c r="C1337" s="39" t="s">
        <v>55</v>
      </c>
      <c r="D1337" s="45">
        <v>615</v>
      </c>
      <c r="E1337" s="46">
        <v>10.1</v>
      </c>
      <c r="F1337" s="46">
        <v>25</v>
      </c>
      <c r="G1337" s="46">
        <v>37.4</v>
      </c>
      <c r="H1337" s="46">
        <v>22.6</v>
      </c>
      <c r="I1337" s="47">
        <v>4.9000000000000004</v>
      </c>
    </row>
    <row r="1338" spans="2:25" ht="21.6" x14ac:dyDescent="0.2">
      <c r="B1338" s="76"/>
      <c r="C1338" s="39" t="s">
        <v>56</v>
      </c>
      <c r="D1338" s="45">
        <v>800</v>
      </c>
      <c r="E1338" s="46">
        <v>13.1</v>
      </c>
      <c r="F1338" s="46">
        <v>25.8</v>
      </c>
      <c r="G1338" s="46">
        <v>35.9</v>
      </c>
      <c r="H1338" s="46">
        <v>19.8</v>
      </c>
      <c r="I1338" s="47">
        <v>5.5</v>
      </c>
    </row>
    <row r="1339" spans="2:25" x14ac:dyDescent="0.2">
      <c r="B1339" s="76"/>
      <c r="C1339" s="40" t="s">
        <v>57</v>
      </c>
      <c r="D1339" s="48">
        <v>798</v>
      </c>
      <c r="E1339" s="49">
        <v>11.2</v>
      </c>
      <c r="F1339" s="49">
        <v>24.7</v>
      </c>
      <c r="G1339" s="49">
        <v>39.1</v>
      </c>
      <c r="H1339" s="49">
        <v>19.899999999999999</v>
      </c>
      <c r="I1339" s="50">
        <v>5.0999999999999996</v>
      </c>
    </row>
    <row r="1340" spans="2:25" x14ac:dyDescent="0.2">
      <c r="B1340" s="7" t="s">
        <v>71</v>
      </c>
      <c r="C1340" s="4" t="s">
        <v>116</v>
      </c>
    </row>
    <row r="1341" spans="2:25" x14ac:dyDescent="0.2">
      <c r="B1341" s="4"/>
      <c r="C1341" s="4" t="s">
        <v>73</v>
      </c>
    </row>
    <row r="1343" spans="2:25" x14ac:dyDescent="0.2">
      <c r="C1343" t="s">
        <v>35</v>
      </c>
    </row>
    <row r="1344" spans="2:25" x14ac:dyDescent="0.2">
      <c r="B1344" s="74" t="s">
        <v>203</v>
      </c>
      <c r="C1344" s="75"/>
      <c r="D1344" s="75"/>
      <c r="E1344" s="75"/>
      <c r="F1344" s="75"/>
      <c r="G1344" s="75"/>
      <c r="H1344" s="75"/>
      <c r="I1344" s="75"/>
      <c r="J1344" s="75"/>
      <c r="K1344" s="75"/>
      <c r="L1344" s="75"/>
      <c r="M1344" s="75"/>
      <c r="N1344" s="75"/>
      <c r="O1344" s="75"/>
      <c r="P1344" s="75"/>
      <c r="Q1344" s="75"/>
      <c r="R1344" s="75"/>
      <c r="S1344" s="75"/>
      <c r="T1344" s="75"/>
      <c r="U1344" s="75"/>
      <c r="V1344" s="75"/>
      <c r="W1344" s="75"/>
      <c r="X1344" s="75"/>
      <c r="Y1344" s="75"/>
    </row>
    <row r="1345" spans="1:10" s="32" customFormat="1" ht="47.25" customHeight="1" x14ac:dyDescent="0.15">
      <c r="A1345" s="31"/>
      <c r="D1345" s="33" t="s">
        <v>242</v>
      </c>
      <c r="E1345" s="35" t="s">
        <v>289</v>
      </c>
      <c r="F1345" s="36" t="s">
        <v>290</v>
      </c>
      <c r="G1345" s="36" t="s">
        <v>291</v>
      </c>
      <c r="H1345" s="36" t="s">
        <v>292</v>
      </c>
      <c r="I1345" s="37" t="s">
        <v>276</v>
      </c>
      <c r="J1345" s="34" t="s">
        <v>251</v>
      </c>
    </row>
    <row r="1346" spans="1:10" ht="21.6" x14ac:dyDescent="0.2">
      <c r="B1346" s="76" t="s">
        <v>37</v>
      </c>
      <c r="C1346" s="38" t="s">
        <v>58</v>
      </c>
      <c r="D1346" s="51">
        <v>609</v>
      </c>
      <c r="E1346" s="52">
        <v>13.8</v>
      </c>
      <c r="F1346" s="52">
        <v>27.9</v>
      </c>
      <c r="G1346" s="52">
        <v>35.1</v>
      </c>
      <c r="H1346" s="52">
        <v>16.899999999999999</v>
      </c>
      <c r="I1346" s="53">
        <v>6.2</v>
      </c>
    </row>
    <row r="1347" spans="1:10" ht="21.6" x14ac:dyDescent="0.2">
      <c r="B1347" s="76"/>
      <c r="C1347" s="39" t="s">
        <v>59</v>
      </c>
      <c r="D1347" s="45">
        <v>1391</v>
      </c>
      <c r="E1347" s="46">
        <v>10.8</v>
      </c>
      <c r="F1347" s="46">
        <v>23.7</v>
      </c>
      <c r="G1347" s="46">
        <v>37</v>
      </c>
      <c r="H1347" s="46">
        <v>19.8</v>
      </c>
      <c r="I1347" s="47">
        <v>8.6</v>
      </c>
    </row>
    <row r="1348" spans="1:10" x14ac:dyDescent="0.2">
      <c r="B1348" s="76"/>
      <c r="C1348" s="39" t="s">
        <v>60</v>
      </c>
      <c r="D1348" s="45">
        <v>1325</v>
      </c>
      <c r="E1348" s="46">
        <v>11.9</v>
      </c>
      <c r="F1348" s="46">
        <v>23.9</v>
      </c>
      <c r="G1348" s="46">
        <v>36.799999999999997</v>
      </c>
      <c r="H1348" s="46">
        <v>19.399999999999999</v>
      </c>
      <c r="I1348" s="47">
        <v>7.9</v>
      </c>
    </row>
    <row r="1349" spans="1:10" x14ac:dyDescent="0.2">
      <c r="B1349" s="76"/>
      <c r="C1349" s="39" t="s">
        <v>61</v>
      </c>
      <c r="D1349" s="45">
        <v>675</v>
      </c>
      <c r="E1349" s="46">
        <v>11.3</v>
      </c>
      <c r="F1349" s="46">
        <v>27.1</v>
      </c>
      <c r="G1349" s="46">
        <v>35.700000000000003</v>
      </c>
      <c r="H1349" s="46">
        <v>18.100000000000001</v>
      </c>
      <c r="I1349" s="47">
        <v>7.9</v>
      </c>
    </row>
    <row r="1350" spans="1:10" x14ac:dyDescent="0.2">
      <c r="B1350" s="76"/>
      <c r="C1350" s="39" t="s">
        <v>62</v>
      </c>
      <c r="D1350" s="45">
        <v>1086</v>
      </c>
      <c r="E1350" s="46">
        <v>11.3</v>
      </c>
      <c r="F1350" s="46">
        <v>24.7</v>
      </c>
      <c r="G1350" s="46">
        <v>37.799999999999997</v>
      </c>
      <c r="H1350" s="46">
        <v>17.100000000000001</v>
      </c>
      <c r="I1350" s="47">
        <v>9</v>
      </c>
    </row>
    <row r="1351" spans="1:10" ht="21.6" x14ac:dyDescent="0.2">
      <c r="B1351" s="76"/>
      <c r="C1351" s="39" t="s">
        <v>63</v>
      </c>
      <c r="D1351" s="45">
        <v>203</v>
      </c>
      <c r="E1351" s="46">
        <v>12.8</v>
      </c>
      <c r="F1351" s="46">
        <v>23.6</v>
      </c>
      <c r="G1351" s="46">
        <v>31</v>
      </c>
      <c r="H1351" s="46">
        <v>15.8</v>
      </c>
      <c r="I1351" s="47">
        <v>16.7</v>
      </c>
    </row>
    <row r="1352" spans="1:10" x14ac:dyDescent="0.2">
      <c r="B1352" s="76"/>
      <c r="C1352" s="39" t="s">
        <v>64</v>
      </c>
      <c r="D1352" s="45">
        <v>263</v>
      </c>
      <c r="E1352" s="46">
        <v>11.8</v>
      </c>
      <c r="F1352" s="46">
        <v>27</v>
      </c>
      <c r="G1352" s="46">
        <v>40.299999999999997</v>
      </c>
      <c r="H1352" s="46">
        <v>12.5</v>
      </c>
      <c r="I1352" s="47">
        <v>8.4</v>
      </c>
    </row>
    <row r="1353" spans="1:10" x14ac:dyDescent="0.2">
      <c r="B1353" s="76"/>
      <c r="C1353" s="39" t="s">
        <v>65</v>
      </c>
      <c r="D1353" s="45">
        <v>312</v>
      </c>
      <c r="E1353" s="46">
        <v>11.9</v>
      </c>
      <c r="F1353" s="46">
        <v>26</v>
      </c>
      <c r="G1353" s="46">
        <v>36.5</v>
      </c>
      <c r="H1353" s="46">
        <v>17.600000000000001</v>
      </c>
      <c r="I1353" s="47">
        <v>8</v>
      </c>
    </row>
    <row r="1354" spans="1:10" x14ac:dyDescent="0.2">
      <c r="B1354" s="76"/>
      <c r="C1354" s="39" t="s">
        <v>66</v>
      </c>
      <c r="D1354" s="45">
        <v>230</v>
      </c>
      <c r="E1354" s="46">
        <v>10.4</v>
      </c>
      <c r="F1354" s="46">
        <v>22.2</v>
      </c>
      <c r="G1354" s="46">
        <v>39.1</v>
      </c>
      <c r="H1354" s="46">
        <v>21.3</v>
      </c>
      <c r="I1354" s="47">
        <v>7</v>
      </c>
    </row>
    <row r="1355" spans="1:10" x14ac:dyDescent="0.2">
      <c r="B1355" s="76"/>
      <c r="C1355" s="39" t="s">
        <v>67</v>
      </c>
      <c r="D1355" s="45">
        <v>78</v>
      </c>
      <c r="E1355" s="46">
        <v>6.4</v>
      </c>
      <c r="F1355" s="46">
        <v>21.8</v>
      </c>
      <c r="G1355" s="46">
        <v>48.7</v>
      </c>
      <c r="H1355" s="46">
        <v>21.8</v>
      </c>
      <c r="I1355" s="47">
        <v>1.3</v>
      </c>
    </row>
    <row r="1356" spans="1:10" x14ac:dyDescent="0.2">
      <c r="B1356" s="76"/>
      <c r="C1356" s="39" t="s">
        <v>68</v>
      </c>
      <c r="D1356" s="45">
        <v>897</v>
      </c>
      <c r="E1356" s="46">
        <v>11</v>
      </c>
      <c r="F1356" s="46">
        <v>25.2</v>
      </c>
      <c r="G1356" s="46">
        <v>38.5</v>
      </c>
      <c r="H1356" s="46">
        <v>17.3</v>
      </c>
      <c r="I1356" s="47">
        <v>8</v>
      </c>
    </row>
    <row r="1357" spans="1:10" x14ac:dyDescent="0.2">
      <c r="B1357" s="76"/>
      <c r="C1357" s="39" t="s">
        <v>69</v>
      </c>
      <c r="D1357" s="45">
        <v>189</v>
      </c>
      <c r="E1357" s="46">
        <v>12.7</v>
      </c>
      <c r="F1357" s="46">
        <v>22.2</v>
      </c>
      <c r="G1357" s="46">
        <v>34.9</v>
      </c>
      <c r="H1357" s="46">
        <v>16.399999999999999</v>
      </c>
      <c r="I1357" s="47">
        <v>13.8</v>
      </c>
    </row>
    <row r="1358" spans="1:10" x14ac:dyDescent="0.2">
      <c r="B1358" s="76"/>
      <c r="C1358" s="39" t="s">
        <v>70</v>
      </c>
      <c r="D1358" s="45">
        <v>914</v>
      </c>
      <c r="E1358" s="46">
        <v>12.1</v>
      </c>
      <c r="F1358" s="46">
        <v>25.4</v>
      </c>
      <c r="G1358" s="46">
        <v>34.799999999999997</v>
      </c>
      <c r="H1358" s="46">
        <v>21.1</v>
      </c>
      <c r="I1358" s="47">
        <v>6.6</v>
      </c>
    </row>
    <row r="1359" spans="1:10" ht="21.6" x14ac:dyDescent="0.2">
      <c r="B1359" s="76"/>
      <c r="C1359" s="39" t="s">
        <v>63</v>
      </c>
      <c r="D1359" s="45">
        <v>193</v>
      </c>
      <c r="E1359" s="46">
        <v>13.5</v>
      </c>
      <c r="F1359" s="46">
        <v>27.5</v>
      </c>
      <c r="G1359" s="46">
        <v>28</v>
      </c>
      <c r="H1359" s="46">
        <v>17.600000000000001</v>
      </c>
      <c r="I1359" s="47">
        <v>13.5</v>
      </c>
    </row>
    <row r="1360" spans="1:10" x14ac:dyDescent="0.2">
      <c r="B1360" s="76"/>
      <c r="C1360" s="39" t="s">
        <v>64</v>
      </c>
      <c r="D1360" s="45">
        <v>203</v>
      </c>
      <c r="E1360" s="46">
        <v>11.8</v>
      </c>
      <c r="F1360" s="46">
        <v>28.1</v>
      </c>
      <c r="G1360" s="46">
        <v>34.5</v>
      </c>
      <c r="H1360" s="46">
        <v>20.7</v>
      </c>
      <c r="I1360" s="47">
        <v>4.9000000000000004</v>
      </c>
    </row>
    <row r="1361" spans="1:25" x14ac:dyDescent="0.2">
      <c r="B1361" s="76"/>
      <c r="C1361" s="39" t="s">
        <v>65</v>
      </c>
      <c r="D1361" s="45">
        <v>263</v>
      </c>
      <c r="E1361" s="46">
        <v>9.9</v>
      </c>
      <c r="F1361" s="46">
        <v>25.1</v>
      </c>
      <c r="G1361" s="46">
        <v>38.799999999999997</v>
      </c>
      <c r="H1361" s="46">
        <v>21.7</v>
      </c>
      <c r="I1361" s="47">
        <v>4.5999999999999996</v>
      </c>
    </row>
    <row r="1362" spans="1:25" x14ac:dyDescent="0.2">
      <c r="B1362" s="76"/>
      <c r="C1362" s="39" t="s">
        <v>66</v>
      </c>
      <c r="D1362" s="45">
        <v>194</v>
      </c>
      <c r="E1362" s="46">
        <v>13.4</v>
      </c>
      <c r="F1362" s="46">
        <v>18.600000000000001</v>
      </c>
      <c r="G1362" s="46">
        <v>38.1</v>
      </c>
      <c r="H1362" s="46">
        <v>24.2</v>
      </c>
      <c r="I1362" s="47">
        <v>5.7</v>
      </c>
    </row>
    <row r="1363" spans="1:25" x14ac:dyDescent="0.2">
      <c r="B1363" s="76"/>
      <c r="C1363" s="39" t="s">
        <v>67</v>
      </c>
      <c r="D1363" s="45">
        <v>61</v>
      </c>
      <c r="E1363" s="46">
        <v>14.8</v>
      </c>
      <c r="F1363" s="46">
        <v>32.799999999999997</v>
      </c>
      <c r="G1363" s="46">
        <v>29.5</v>
      </c>
      <c r="H1363" s="46">
        <v>21.3</v>
      </c>
      <c r="I1363" s="47">
        <v>1.6</v>
      </c>
    </row>
    <row r="1364" spans="1:25" x14ac:dyDescent="0.2">
      <c r="B1364" s="76"/>
      <c r="C1364" s="39" t="s">
        <v>68</v>
      </c>
      <c r="D1364" s="45">
        <v>416</v>
      </c>
      <c r="E1364" s="46">
        <v>10.1</v>
      </c>
      <c r="F1364" s="46">
        <v>25</v>
      </c>
      <c r="G1364" s="46">
        <v>36.799999999999997</v>
      </c>
      <c r="H1364" s="46">
        <v>21.2</v>
      </c>
      <c r="I1364" s="47">
        <v>7</v>
      </c>
    </row>
    <row r="1365" spans="1:25" x14ac:dyDescent="0.2">
      <c r="B1365" s="76"/>
      <c r="C1365" s="40" t="s">
        <v>69</v>
      </c>
      <c r="D1365" s="48">
        <v>498</v>
      </c>
      <c r="E1365" s="49">
        <v>13.9</v>
      </c>
      <c r="F1365" s="49">
        <v>25.7</v>
      </c>
      <c r="G1365" s="49">
        <v>33.1</v>
      </c>
      <c r="H1365" s="49">
        <v>21.1</v>
      </c>
      <c r="I1365" s="50">
        <v>6.2</v>
      </c>
    </row>
    <row r="1366" spans="1:25" x14ac:dyDescent="0.2">
      <c r="B1366" s="7" t="s">
        <v>71</v>
      </c>
      <c r="C1366" s="4" t="s">
        <v>116</v>
      </c>
    </row>
    <row r="1367" spans="1:25" x14ac:dyDescent="0.2">
      <c r="B1367" s="4"/>
      <c r="C1367" s="4" t="s">
        <v>73</v>
      </c>
    </row>
    <row r="1369" spans="1:25" x14ac:dyDescent="0.2">
      <c r="A1369" s="26" t="s">
        <v>25</v>
      </c>
      <c r="B1369" t="s">
        <v>35</v>
      </c>
      <c r="C1369" t="s">
        <v>35</v>
      </c>
    </row>
    <row r="1370" spans="1:25" x14ac:dyDescent="0.2">
      <c r="B1370" s="74" t="s">
        <v>117</v>
      </c>
      <c r="C1370" s="75"/>
      <c r="D1370" s="75"/>
      <c r="E1370" s="75"/>
      <c r="F1370" s="75"/>
      <c r="G1370" s="75"/>
      <c r="H1370" s="75"/>
      <c r="I1370" s="75"/>
      <c r="J1370" s="75"/>
      <c r="K1370" s="75"/>
      <c r="L1370" s="75"/>
      <c r="M1370" s="75"/>
      <c r="N1370" s="75"/>
      <c r="O1370" s="75"/>
      <c r="P1370" s="75"/>
      <c r="Q1370" s="75"/>
      <c r="R1370" s="75"/>
      <c r="S1370" s="75"/>
      <c r="T1370" s="75"/>
      <c r="U1370" s="75"/>
      <c r="V1370" s="75"/>
      <c r="W1370" s="75"/>
      <c r="X1370" s="75"/>
      <c r="Y1370" s="75"/>
    </row>
    <row r="1371" spans="1:25" s="32" customFormat="1" ht="36.450000000000003" customHeight="1" x14ac:dyDescent="0.15">
      <c r="A1371" s="31"/>
      <c r="D1371" s="33" t="s">
        <v>242</v>
      </c>
      <c r="E1371" s="35" t="s">
        <v>293</v>
      </c>
      <c r="F1371" s="36" t="s">
        <v>294</v>
      </c>
      <c r="G1371" s="37" t="s">
        <v>276</v>
      </c>
      <c r="H1371" s="34" t="s">
        <v>251</v>
      </c>
    </row>
    <row r="1372" spans="1:25" x14ac:dyDescent="0.2">
      <c r="B1372" s="5"/>
      <c r="C1372" s="41" t="s">
        <v>38</v>
      </c>
      <c r="D1372" s="42">
        <v>2000</v>
      </c>
      <c r="E1372" s="43">
        <v>36.700000000000003</v>
      </c>
      <c r="F1372" s="43">
        <v>55.4</v>
      </c>
      <c r="G1372" s="44">
        <v>7.9</v>
      </c>
    </row>
    <row r="1373" spans="1:25" x14ac:dyDescent="0.2">
      <c r="B1373" s="76" t="s">
        <v>37</v>
      </c>
      <c r="C1373" s="39" t="s">
        <v>39</v>
      </c>
      <c r="D1373" s="45">
        <v>111</v>
      </c>
      <c r="E1373" s="46">
        <v>29.7</v>
      </c>
      <c r="F1373" s="46">
        <v>63.1</v>
      </c>
      <c r="G1373" s="47">
        <v>7.2</v>
      </c>
    </row>
    <row r="1374" spans="1:25" x14ac:dyDescent="0.2">
      <c r="B1374" s="76"/>
      <c r="C1374" s="39" t="s">
        <v>40</v>
      </c>
      <c r="D1374" s="45">
        <v>450</v>
      </c>
      <c r="E1374" s="46">
        <v>39.799999999999997</v>
      </c>
      <c r="F1374" s="46">
        <v>53.1</v>
      </c>
      <c r="G1374" s="47">
        <v>7.1</v>
      </c>
    </row>
    <row r="1375" spans="1:25" ht="21.6" x14ac:dyDescent="0.2">
      <c r="B1375" s="76"/>
      <c r="C1375" s="39" t="s">
        <v>41</v>
      </c>
      <c r="D1375" s="45">
        <v>30</v>
      </c>
      <c r="E1375" s="46">
        <v>26.7</v>
      </c>
      <c r="F1375" s="46">
        <v>56.7</v>
      </c>
      <c r="G1375" s="47">
        <v>16.7</v>
      </c>
    </row>
    <row r="1376" spans="1:25" ht="21.6" x14ac:dyDescent="0.2">
      <c r="B1376" s="76"/>
      <c r="C1376" s="39" t="s">
        <v>42</v>
      </c>
      <c r="D1376" s="45">
        <v>336</v>
      </c>
      <c r="E1376" s="46">
        <v>33.9</v>
      </c>
      <c r="F1376" s="46">
        <v>58.6</v>
      </c>
      <c r="G1376" s="47">
        <v>7.4</v>
      </c>
    </row>
    <row r="1377" spans="2:7" ht="21.6" x14ac:dyDescent="0.2">
      <c r="B1377" s="76"/>
      <c r="C1377" s="39" t="s">
        <v>43</v>
      </c>
      <c r="D1377" s="45">
        <v>327</v>
      </c>
      <c r="E1377" s="46">
        <v>39.799999999999997</v>
      </c>
      <c r="F1377" s="46">
        <v>53.5</v>
      </c>
      <c r="G1377" s="47">
        <v>6.7</v>
      </c>
    </row>
    <row r="1378" spans="2:7" ht="21.6" x14ac:dyDescent="0.2">
      <c r="B1378" s="76"/>
      <c r="C1378" s="39" t="s">
        <v>44</v>
      </c>
      <c r="D1378" s="45">
        <v>181</v>
      </c>
      <c r="E1378" s="46">
        <v>26</v>
      </c>
      <c r="F1378" s="46">
        <v>66.900000000000006</v>
      </c>
      <c r="G1378" s="47">
        <v>7.2</v>
      </c>
    </row>
    <row r="1379" spans="2:7" ht="21.6" x14ac:dyDescent="0.2">
      <c r="B1379" s="76"/>
      <c r="C1379" s="39" t="s">
        <v>45</v>
      </c>
      <c r="D1379" s="45">
        <v>565</v>
      </c>
      <c r="E1379" s="46">
        <v>39.5</v>
      </c>
      <c r="F1379" s="46">
        <v>51.2</v>
      </c>
      <c r="G1379" s="47">
        <v>9.4</v>
      </c>
    </row>
    <row r="1380" spans="2:7" ht="21.6" x14ac:dyDescent="0.2">
      <c r="B1380" s="76"/>
      <c r="C1380" s="39" t="s">
        <v>46</v>
      </c>
      <c r="D1380" s="45">
        <v>473</v>
      </c>
      <c r="E1380" s="46">
        <v>42.1</v>
      </c>
      <c r="F1380" s="46">
        <v>50.7</v>
      </c>
      <c r="G1380" s="47">
        <v>7.2</v>
      </c>
    </row>
    <row r="1381" spans="2:7" ht="21.6" x14ac:dyDescent="0.2">
      <c r="B1381" s="76"/>
      <c r="C1381" s="39" t="s">
        <v>47</v>
      </c>
      <c r="D1381" s="45">
        <v>441</v>
      </c>
      <c r="E1381" s="46">
        <v>35.1</v>
      </c>
      <c r="F1381" s="46">
        <v>59.9</v>
      </c>
      <c r="G1381" s="47">
        <v>5</v>
      </c>
    </row>
    <row r="1382" spans="2:7" ht="21.6" x14ac:dyDescent="0.2">
      <c r="B1382" s="76"/>
      <c r="C1382" s="39" t="s">
        <v>48</v>
      </c>
      <c r="D1382" s="45">
        <v>305</v>
      </c>
      <c r="E1382" s="46">
        <v>40.700000000000003</v>
      </c>
      <c r="F1382" s="46">
        <v>53.8</v>
      </c>
      <c r="G1382" s="47">
        <v>5.6</v>
      </c>
    </row>
    <row r="1383" spans="2:7" ht="21.6" x14ac:dyDescent="0.2">
      <c r="B1383" s="76"/>
      <c r="C1383" s="39" t="s">
        <v>49</v>
      </c>
      <c r="D1383" s="45">
        <v>223</v>
      </c>
      <c r="E1383" s="46">
        <v>38.1</v>
      </c>
      <c r="F1383" s="46">
        <v>58.7</v>
      </c>
      <c r="G1383" s="47">
        <v>3.1</v>
      </c>
    </row>
    <row r="1384" spans="2:7" ht="21.6" x14ac:dyDescent="0.2">
      <c r="B1384" s="76"/>
      <c r="C1384" s="39" t="s">
        <v>50</v>
      </c>
      <c r="D1384" s="45">
        <v>123</v>
      </c>
      <c r="E1384" s="46">
        <v>26</v>
      </c>
      <c r="F1384" s="46">
        <v>69.099999999999994</v>
      </c>
      <c r="G1384" s="47">
        <v>4.9000000000000004</v>
      </c>
    </row>
    <row r="1385" spans="2:7" ht="21.6" x14ac:dyDescent="0.2">
      <c r="B1385" s="76"/>
      <c r="C1385" s="39" t="s">
        <v>51</v>
      </c>
      <c r="D1385" s="45">
        <v>124</v>
      </c>
      <c r="E1385" s="46">
        <v>22.6</v>
      </c>
      <c r="F1385" s="46">
        <v>71</v>
      </c>
      <c r="G1385" s="47">
        <v>6.5</v>
      </c>
    </row>
    <row r="1386" spans="2:7" ht="21.6" x14ac:dyDescent="0.2">
      <c r="B1386" s="76"/>
      <c r="C1386" s="39" t="s">
        <v>52</v>
      </c>
      <c r="D1386" s="45">
        <v>312</v>
      </c>
      <c r="E1386" s="46">
        <v>36.5</v>
      </c>
      <c r="F1386" s="46">
        <v>58.3</v>
      </c>
      <c r="G1386" s="47">
        <v>5.0999999999999996</v>
      </c>
    </row>
    <row r="1387" spans="2:7" x14ac:dyDescent="0.2">
      <c r="B1387" s="76"/>
      <c r="C1387" s="39" t="s">
        <v>53</v>
      </c>
      <c r="D1387" s="45">
        <v>269</v>
      </c>
      <c r="E1387" s="46">
        <v>39</v>
      </c>
      <c r="F1387" s="46">
        <v>51.7</v>
      </c>
      <c r="G1387" s="47">
        <v>9.3000000000000007</v>
      </c>
    </row>
    <row r="1388" spans="2:7" ht="21.6" x14ac:dyDescent="0.2">
      <c r="B1388" s="76"/>
      <c r="C1388" s="39" t="s">
        <v>54</v>
      </c>
      <c r="D1388" s="45">
        <v>511</v>
      </c>
      <c r="E1388" s="46">
        <v>39.700000000000003</v>
      </c>
      <c r="F1388" s="46">
        <v>55.2</v>
      </c>
      <c r="G1388" s="47">
        <v>5.0999999999999996</v>
      </c>
    </row>
    <row r="1389" spans="2:7" ht="21.6" x14ac:dyDescent="0.2">
      <c r="B1389" s="76"/>
      <c r="C1389" s="39" t="s">
        <v>55</v>
      </c>
      <c r="D1389" s="45">
        <v>615</v>
      </c>
      <c r="E1389" s="46">
        <v>35.1</v>
      </c>
      <c r="F1389" s="46">
        <v>60</v>
      </c>
      <c r="G1389" s="47">
        <v>4.9000000000000004</v>
      </c>
    </row>
    <row r="1390" spans="2:7" ht="21.6" x14ac:dyDescent="0.2">
      <c r="B1390" s="76"/>
      <c r="C1390" s="39" t="s">
        <v>56</v>
      </c>
      <c r="D1390" s="45">
        <v>800</v>
      </c>
      <c r="E1390" s="46">
        <v>38.9</v>
      </c>
      <c r="F1390" s="46">
        <v>55.6</v>
      </c>
      <c r="G1390" s="47">
        <v>5.5</v>
      </c>
    </row>
    <row r="1391" spans="2:7" x14ac:dyDescent="0.2">
      <c r="B1391" s="76"/>
      <c r="C1391" s="40" t="s">
        <v>57</v>
      </c>
      <c r="D1391" s="48">
        <v>798</v>
      </c>
      <c r="E1391" s="49">
        <v>35.799999999999997</v>
      </c>
      <c r="F1391" s="49">
        <v>59</v>
      </c>
      <c r="G1391" s="50">
        <v>5.0999999999999996</v>
      </c>
    </row>
    <row r="1393" spans="1:25" x14ac:dyDescent="0.2">
      <c r="C1393" t="s">
        <v>35</v>
      </c>
    </row>
    <row r="1394" spans="1:25" x14ac:dyDescent="0.2">
      <c r="B1394" s="74" t="s">
        <v>204</v>
      </c>
      <c r="C1394" s="75"/>
      <c r="D1394" s="75"/>
      <c r="E1394" s="75"/>
      <c r="F1394" s="75"/>
      <c r="G1394" s="75"/>
      <c r="H1394" s="75"/>
      <c r="I1394" s="75"/>
      <c r="J1394" s="75"/>
      <c r="K1394" s="75"/>
      <c r="L1394" s="75"/>
      <c r="M1394" s="75"/>
      <c r="N1394" s="75"/>
      <c r="O1394" s="75"/>
      <c r="P1394" s="75"/>
      <c r="Q1394" s="75"/>
      <c r="R1394" s="75"/>
      <c r="S1394" s="75"/>
      <c r="T1394" s="75"/>
      <c r="U1394" s="75"/>
      <c r="V1394" s="75"/>
      <c r="W1394" s="75"/>
      <c r="X1394" s="75"/>
      <c r="Y1394" s="75"/>
    </row>
    <row r="1395" spans="1:25" s="32" customFormat="1" ht="36.450000000000003" customHeight="1" x14ac:dyDescent="0.15">
      <c r="A1395" s="31"/>
      <c r="D1395" s="33" t="s">
        <v>242</v>
      </c>
      <c r="E1395" s="35" t="s">
        <v>293</v>
      </c>
      <c r="F1395" s="36" t="s">
        <v>294</v>
      </c>
      <c r="G1395" s="37" t="s">
        <v>276</v>
      </c>
      <c r="H1395" s="34" t="s">
        <v>251</v>
      </c>
    </row>
    <row r="1396" spans="1:25" ht="21.6" x14ac:dyDescent="0.2">
      <c r="B1396" s="76" t="s">
        <v>37</v>
      </c>
      <c r="C1396" s="38" t="s">
        <v>58</v>
      </c>
      <c r="D1396" s="51">
        <v>609</v>
      </c>
      <c r="E1396" s="52">
        <v>41.7</v>
      </c>
      <c r="F1396" s="52">
        <v>52.1</v>
      </c>
      <c r="G1396" s="53">
        <v>6.2</v>
      </c>
    </row>
    <row r="1397" spans="1:25" ht="21.6" x14ac:dyDescent="0.2">
      <c r="B1397" s="76"/>
      <c r="C1397" s="39" t="s">
        <v>59</v>
      </c>
      <c r="D1397" s="45">
        <v>1391</v>
      </c>
      <c r="E1397" s="46">
        <v>34.5</v>
      </c>
      <c r="F1397" s="46">
        <v>56.9</v>
      </c>
      <c r="G1397" s="47">
        <v>8.6</v>
      </c>
    </row>
    <row r="1398" spans="1:25" x14ac:dyDescent="0.2">
      <c r="B1398" s="76"/>
      <c r="C1398" s="39" t="s">
        <v>60</v>
      </c>
      <c r="D1398" s="45">
        <v>1325</v>
      </c>
      <c r="E1398" s="46">
        <v>35.799999999999997</v>
      </c>
      <c r="F1398" s="46">
        <v>56.2</v>
      </c>
      <c r="G1398" s="47">
        <v>7.9</v>
      </c>
    </row>
    <row r="1399" spans="1:25" x14ac:dyDescent="0.2">
      <c r="B1399" s="76"/>
      <c r="C1399" s="39" t="s">
        <v>61</v>
      </c>
      <c r="D1399" s="45">
        <v>675</v>
      </c>
      <c r="E1399" s="46">
        <v>38.4</v>
      </c>
      <c r="F1399" s="46">
        <v>53.8</v>
      </c>
      <c r="G1399" s="47">
        <v>7.9</v>
      </c>
    </row>
    <row r="1400" spans="1:25" x14ac:dyDescent="0.2">
      <c r="B1400" s="76"/>
      <c r="C1400" s="39" t="s">
        <v>62</v>
      </c>
      <c r="D1400" s="45">
        <v>1086</v>
      </c>
      <c r="E1400" s="46">
        <v>36</v>
      </c>
      <c r="F1400" s="46">
        <v>55</v>
      </c>
      <c r="G1400" s="47">
        <v>9</v>
      </c>
    </row>
    <row r="1401" spans="1:25" ht="21.6" x14ac:dyDescent="0.2">
      <c r="B1401" s="76"/>
      <c r="C1401" s="39" t="s">
        <v>63</v>
      </c>
      <c r="D1401" s="45">
        <v>203</v>
      </c>
      <c r="E1401" s="46">
        <v>36.5</v>
      </c>
      <c r="F1401" s="46">
        <v>46.8</v>
      </c>
      <c r="G1401" s="47">
        <v>16.7</v>
      </c>
    </row>
    <row r="1402" spans="1:25" x14ac:dyDescent="0.2">
      <c r="B1402" s="76"/>
      <c r="C1402" s="39" t="s">
        <v>64</v>
      </c>
      <c r="D1402" s="45">
        <v>263</v>
      </c>
      <c r="E1402" s="46">
        <v>38.799999999999997</v>
      </c>
      <c r="F1402" s="46">
        <v>52.9</v>
      </c>
      <c r="G1402" s="47">
        <v>8.4</v>
      </c>
    </row>
    <row r="1403" spans="1:25" x14ac:dyDescent="0.2">
      <c r="B1403" s="76"/>
      <c r="C1403" s="39" t="s">
        <v>65</v>
      </c>
      <c r="D1403" s="45">
        <v>312</v>
      </c>
      <c r="E1403" s="46">
        <v>37.799999999999997</v>
      </c>
      <c r="F1403" s="46">
        <v>54.2</v>
      </c>
      <c r="G1403" s="47">
        <v>8</v>
      </c>
    </row>
    <row r="1404" spans="1:25" x14ac:dyDescent="0.2">
      <c r="B1404" s="76"/>
      <c r="C1404" s="39" t="s">
        <v>66</v>
      </c>
      <c r="D1404" s="45">
        <v>230</v>
      </c>
      <c r="E1404" s="46">
        <v>32.6</v>
      </c>
      <c r="F1404" s="46">
        <v>60.4</v>
      </c>
      <c r="G1404" s="47">
        <v>7</v>
      </c>
    </row>
    <row r="1405" spans="1:25" x14ac:dyDescent="0.2">
      <c r="B1405" s="76"/>
      <c r="C1405" s="39" t="s">
        <v>67</v>
      </c>
      <c r="D1405" s="45">
        <v>78</v>
      </c>
      <c r="E1405" s="46">
        <v>28.2</v>
      </c>
      <c r="F1405" s="46">
        <v>70.5</v>
      </c>
      <c r="G1405" s="47">
        <v>1.3</v>
      </c>
    </row>
    <row r="1406" spans="1:25" x14ac:dyDescent="0.2">
      <c r="B1406" s="76"/>
      <c r="C1406" s="39" t="s">
        <v>68</v>
      </c>
      <c r="D1406" s="45">
        <v>897</v>
      </c>
      <c r="E1406" s="46">
        <v>36.200000000000003</v>
      </c>
      <c r="F1406" s="46">
        <v>55.7</v>
      </c>
      <c r="G1406" s="47">
        <v>8</v>
      </c>
    </row>
    <row r="1407" spans="1:25" x14ac:dyDescent="0.2">
      <c r="B1407" s="76"/>
      <c r="C1407" s="39" t="s">
        <v>69</v>
      </c>
      <c r="D1407" s="45">
        <v>189</v>
      </c>
      <c r="E1407" s="46">
        <v>34.9</v>
      </c>
      <c r="F1407" s="46">
        <v>51.3</v>
      </c>
      <c r="G1407" s="47">
        <v>13.8</v>
      </c>
    </row>
    <row r="1408" spans="1:25" x14ac:dyDescent="0.2">
      <c r="B1408" s="76"/>
      <c r="C1408" s="39" t="s">
        <v>70</v>
      </c>
      <c r="D1408" s="45">
        <v>914</v>
      </c>
      <c r="E1408" s="46">
        <v>37.5</v>
      </c>
      <c r="F1408" s="46">
        <v>55.9</v>
      </c>
      <c r="G1408" s="47">
        <v>6.6</v>
      </c>
    </row>
    <row r="1409" spans="1:25" ht="21.6" x14ac:dyDescent="0.2">
      <c r="B1409" s="76"/>
      <c r="C1409" s="39" t="s">
        <v>63</v>
      </c>
      <c r="D1409" s="45">
        <v>193</v>
      </c>
      <c r="E1409" s="46">
        <v>40.9</v>
      </c>
      <c r="F1409" s="46">
        <v>45.6</v>
      </c>
      <c r="G1409" s="47">
        <v>13.5</v>
      </c>
    </row>
    <row r="1410" spans="1:25" x14ac:dyDescent="0.2">
      <c r="B1410" s="76"/>
      <c r="C1410" s="39" t="s">
        <v>64</v>
      </c>
      <c r="D1410" s="45">
        <v>203</v>
      </c>
      <c r="E1410" s="46">
        <v>39.9</v>
      </c>
      <c r="F1410" s="46">
        <v>55.2</v>
      </c>
      <c r="G1410" s="47">
        <v>4.9000000000000004</v>
      </c>
    </row>
    <row r="1411" spans="1:25" x14ac:dyDescent="0.2">
      <c r="B1411" s="76"/>
      <c r="C1411" s="39" t="s">
        <v>65</v>
      </c>
      <c r="D1411" s="45">
        <v>263</v>
      </c>
      <c r="E1411" s="46">
        <v>35</v>
      </c>
      <c r="F1411" s="46">
        <v>60.5</v>
      </c>
      <c r="G1411" s="47">
        <v>4.5999999999999996</v>
      </c>
    </row>
    <row r="1412" spans="1:25" x14ac:dyDescent="0.2">
      <c r="B1412" s="76"/>
      <c r="C1412" s="39" t="s">
        <v>66</v>
      </c>
      <c r="D1412" s="45">
        <v>194</v>
      </c>
      <c r="E1412" s="46">
        <v>32</v>
      </c>
      <c r="F1412" s="46">
        <v>62.4</v>
      </c>
      <c r="G1412" s="47">
        <v>5.7</v>
      </c>
    </row>
    <row r="1413" spans="1:25" x14ac:dyDescent="0.2">
      <c r="B1413" s="76"/>
      <c r="C1413" s="39" t="s">
        <v>67</v>
      </c>
      <c r="D1413" s="45">
        <v>61</v>
      </c>
      <c r="E1413" s="46">
        <v>47.5</v>
      </c>
      <c r="F1413" s="46">
        <v>50.8</v>
      </c>
      <c r="G1413" s="47">
        <v>1.6</v>
      </c>
    </row>
    <row r="1414" spans="1:25" x14ac:dyDescent="0.2">
      <c r="B1414" s="76"/>
      <c r="C1414" s="39" t="s">
        <v>68</v>
      </c>
      <c r="D1414" s="45">
        <v>416</v>
      </c>
      <c r="E1414" s="46">
        <v>35.1</v>
      </c>
      <c r="F1414" s="46">
        <v>57.9</v>
      </c>
      <c r="G1414" s="47">
        <v>7</v>
      </c>
    </row>
    <row r="1415" spans="1:25" x14ac:dyDescent="0.2">
      <c r="B1415" s="76"/>
      <c r="C1415" s="40" t="s">
        <v>69</v>
      </c>
      <c r="D1415" s="48">
        <v>498</v>
      </c>
      <c r="E1415" s="49">
        <v>39.6</v>
      </c>
      <c r="F1415" s="49">
        <v>54.2</v>
      </c>
      <c r="G1415" s="50">
        <v>6.2</v>
      </c>
    </row>
    <row r="1417" spans="1:25" x14ac:dyDescent="0.2">
      <c r="A1417" s="26" t="s">
        <v>25</v>
      </c>
      <c r="B1417" t="s">
        <v>35</v>
      </c>
      <c r="C1417" t="s">
        <v>35</v>
      </c>
    </row>
    <row r="1418" spans="1:25" x14ac:dyDescent="0.2">
      <c r="B1418" s="74" t="s">
        <v>118</v>
      </c>
      <c r="C1418" s="75"/>
      <c r="D1418" s="75"/>
      <c r="E1418" s="75"/>
      <c r="F1418" s="75"/>
      <c r="G1418" s="75"/>
      <c r="H1418" s="75"/>
      <c r="I1418" s="75"/>
      <c r="J1418" s="75"/>
      <c r="K1418" s="75"/>
      <c r="L1418" s="75"/>
      <c r="M1418" s="75"/>
      <c r="N1418" s="75"/>
      <c r="O1418" s="75"/>
      <c r="P1418" s="75"/>
      <c r="Q1418" s="75"/>
      <c r="R1418" s="75"/>
      <c r="S1418" s="75"/>
      <c r="T1418" s="75"/>
      <c r="U1418" s="75"/>
      <c r="V1418" s="75"/>
      <c r="W1418" s="75"/>
      <c r="X1418" s="75"/>
      <c r="Y1418" s="75"/>
    </row>
    <row r="1419" spans="1:25" s="32" customFormat="1" ht="68.849999999999994" customHeight="1" x14ac:dyDescent="0.15">
      <c r="A1419" s="31"/>
      <c r="D1419" s="33" t="s">
        <v>242</v>
      </c>
      <c r="E1419" s="35" t="s">
        <v>295</v>
      </c>
      <c r="F1419" s="36" t="s">
        <v>296</v>
      </c>
      <c r="G1419" s="36" t="s">
        <v>297</v>
      </c>
      <c r="H1419" s="36" t="s">
        <v>298</v>
      </c>
      <c r="I1419" s="36" t="s">
        <v>299</v>
      </c>
      <c r="J1419" s="36" t="s">
        <v>300</v>
      </c>
      <c r="K1419" s="36" t="s">
        <v>301</v>
      </c>
      <c r="L1419" s="36" t="s">
        <v>302</v>
      </c>
      <c r="M1419" s="36" t="s">
        <v>303</v>
      </c>
      <c r="N1419" s="36" t="s">
        <v>304</v>
      </c>
      <c r="O1419" s="36" t="s">
        <v>305</v>
      </c>
      <c r="P1419" s="36" t="s">
        <v>306</v>
      </c>
      <c r="Q1419" s="37" t="s">
        <v>307</v>
      </c>
      <c r="R1419" s="34" t="s">
        <v>251</v>
      </c>
    </row>
    <row r="1420" spans="1:25" x14ac:dyDescent="0.2">
      <c r="B1420" s="5"/>
      <c r="C1420" s="41" t="s">
        <v>38</v>
      </c>
      <c r="D1420" s="42">
        <v>734</v>
      </c>
      <c r="E1420" s="43">
        <v>2.5</v>
      </c>
      <c r="F1420" s="43">
        <v>4.2</v>
      </c>
      <c r="G1420" s="43">
        <v>4.5</v>
      </c>
      <c r="H1420" s="43">
        <v>9.1</v>
      </c>
      <c r="I1420" s="43">
        <v>13.9</v>
      </c>
      <c r="J1420" s="43">
        <v>38</v>
      </c>
      <c r="K1420" s="43">
        <v>7.4</v>
      </c>
      <c r="L1420" s="43">
        <v>60.4</v>
      </c>
      <c r="M1420" s="43">
        <v>3.7</v>
      </c>
      <c r="N1420" s="43">
        <v>4</v>
      </c>
      <c r="O1420" s="43">
        <v>1.8</v>
      </c>
      <c r="P1420" s="43">
        <v>3.1</v>
      </c>
      <c r="Q1420" s="44">
        <v>6.8</v>
      </c>
    </row>
    <row r="1421" spans="1:25" x14ac:dyDescent="0.2">
      <c r="B1421" s="76" t="s">
        <v>37</v>
      </c>
      <c r="C1421" s="39" t="s">
        <v>39</v>
      </c>
      <c r="D1421" s="45">
        <v>33</v>
      </c>
      <c r="E1421" s="46">
        <v>6.1</v>
      </c>
      <c r="F1421" s="46">
        <v>12.1</v>
      </c>
      <c r="G1421" s="46">
        <v>6.1</v>
      </c>
      <c r="H1421" s="46">
        <v>9.1</v>
      </c>
      <c r="I1421" s="46">
        <v>9.1</v>
      </c>
      <c r="J1421" s="46">
        <v>36.4</v>
      </c>
      <c r="K1421" s="46">
        <v>9.1</v>
      </c>
      <c r="L1421" s="46">
        <v>54.5</v>
      </c>
      <c r="M1421" s="46">
        <v>0</v>
      </c>
      <c r="N1421" s="46">
        <v>0</v>
      </c>
      <c r="O1421" s="46">
        <v>0</v>
      </c>
      <c r="P1421" s="46">
        <v>6.1</v>
      </c>
      <c r="Q1421" s="47">
        <v>9.1</v>
      </c>
    </row>
    <row r="1422" spans="1:25" x14ac:dyDescent="0.2">
      <c r="B1422" s="76"/>
      <c r="C1422" s="39" t="s">
        <v>40</v>
      </c>
      <c r="D1422" s="45">
        <v>179</v>
      </c>
      <c r="E1422" s="46">
        <v>2.2000000000000002</v>
      </c>
      <c r="F1422" s="46">
        <v>4.5</v>
      </c>
      <c r="G1422" s="46">
        <v>5</v>
      </c>
      <c r="H1422" s="46">
        <v>8.9</v>
      </c>
      <c r="I1422" s="46">
        <v>13.4</v>
      </c>
      <c r="J1422" s="46">
        <v>36.299999999999997</v>
      </c>
      <c r="K1422" s="46">
        <v>8.4</v>
      </c>
      <c r="L1422" s="46">
        <v>63.1</v>
      </c>
      <c r="M1422" s="46">
        <v>2.8</v>
      </c>
      <c r="N1422" s="46">
        <v>5</v>
      </c>
      <c r="O1422" s="46">
        <v>0</v>
      </c>
      <c r="P1422" s="46">
        <v>3.4</v>
      </c>
      <c r="Q1422" s="47">
        <v>3.9</v>
      </c>
    </row>
    <row r="1423" spans="1:25" ht="21.6" x14ac:dyDescent="0.2">
      <c r="B1423" s="76"/>
      <c r="C1423" s="39" t="s">
        <v>41</v>
      </c>
      <c r="D1423" s="45">
        <v>8</v>
      </c>
      <c r="E1423" s="46">
        <v>0</v>
      </c>
      <c r="F1423" s="46">
        <v>0</v>
      </c>
      <c r="G1423" s="46">
        <v>12.5</v>
      </c>
      <c r="H1423" s="46">
        <v>12.5</v>
      </c>
      <c r="I1423" s="46">
        <v>25</v>
      </c>
      <c r="J1423" s="46">
        <v>50</v>
      </c>
      <c r="K1423" s="46">
        <v>25</v>
      </c>
      <c r="L1423" s="46">
        <v>37.5</v>
      </c>
      <c r="M1423" s="46">
        <v>0</v>
      </c>
      <c r="N1423" s="46">
        <v>0</v>
      </c>
      <c r="O1423" s="46">
        <v>0</v>
      </c>
      <c r="P1423" s="46">
        <v>0</v>
      </c>
      <c r="Q1423" s="47">
        <v>0</v>
      </c>
    </row>
    <row r="1424" spans="1:25" ht="21.6" x14ac:dyDescent="0.2">
      <c r="B1424" s="76"/>
      <c r="C1424" s="39" t="s">
        <v>42</v>
      </c>
      <c r="D1424" s="45">
        <v>114</v>
      </c>
      <c r="E1424" s="46">
        <v>3.5</v>
      </c>
      <c r="F1424" s="46">
        <v>4.4000000000000004</v>
      </c>
      <c r="G1424" s="46">
        <v>2.6</v>
      </c>
      <c r="H1424" s="46">
        <v>10.5</v>
      </c>
      <c r="I1424" s="46">
        <v>14.9</v>
      </c>
      <c r="J1424" s="46">
        <v>28.9</v>
      </c>
      <c r="K1424" s="46">
        <v>7.9</v>
      </c>
      <c r="L1424" s="46">
        <v>59.6</v>
      </c>
      <c r="M1424" s="46">
        <v>4.4000000000000004</v>
      </c>
      <c r="N1424" s="46">
        <v>2.6</v>
      </c>
      <c r="O1424" s="46">
        <v>3.5</v>
      </c>
      <c r="P1424" s="46">
        <v>2.6</v>
      </c>
      <c r="Q1424" s="47">
        <v>8.8000000000000007</v>
      </c>
    </row>
    <row r="1425" spans="2:17" ht="21.6" x14ac:dyDescent="0.2">
      <c r="B1425" s="76"/>
      <c r="C1425" s="39" t="s">
        <v>43</v>
      </c>
      <c r="D1425" s="45">
        <v>130</v>
      </c>
      <c r="E1425" s="46">
        <v>2.2999999999999998</v>
      </c>
      <c r="F1425" s="46">
        <v>2.2999999999999998</v>
      </c>
      <c r="G1425" s="46">
        <v>6.9</v>
      </c>
      <c r="H1425" s="46">
        <v>9.1999999999999993</v>
      </c>
      <c r="I1425" s="46">
        <v>10.8</v>
      </c>
      <c r="J1425" s="46">
        <v>52.3</v>
      </c>
      <c r="K1425" s="46">
        <v>4.5999999999999996</v>
      </c>
      <c r="L1425" s="46">
        <v>65.400000000000006</v>
      </c>
      <c r="M1425" s="46">
        <v>2.2999999999999998</v>
      </c>
      <c r="N1425" s="46">
        <v>4.5999999999999996</v>
      </c>
      <c r="O1425" s="46">
        <v>2.2999999999999998</v>
      </c>
      <c r="P1425" s="46">
        <v>3.1</v>
      </c>
      <c r="Q1425" s="47">
        <v>6.2</v>
      </c>
    </row>
    <row r="1426" spans="2:17" ht="21.6" x14ac:dyDescent="0.2">
      <c r="B1426" s="76"/>
      <c r="C1426" s="39" t="s">
        <v>44</v>
      </c>
      <c r="D1426" s="45">
        <v>47</v>
      </c>
      <c r="E1426" s="46">
        <v>4.3</v>
      </c>
      <c r="F1426" s="46">
        <v>4.3</v>
      </c>
      <c r="G1426" s="46">
        <v>8.5</v>
      </c>
      <c r="H1426" s="46">
        <v>4.3</v>
      </c>
      <c r="I1426" s="46">
        <v>12.8</v>
      </c>
      <c r="J1426" s="46">
        <v>21.3</v>
      </c>
      <c r="K1426" s="46">
        <v>4.3</v>
      </c>
      <c r="L1426" s="46">
        <v>57.4</v>
      </c>
      <c r="M1426" s="46">
        <v>4.3</v>
      </c>
      <c r="N1426" s="46">
        <v>2.1</v>
      </c>
      <c r="O1426" s="46">
        <v>2.1</v>
      </c>
      <c r="P1426" s="46">
        <v>6.4</v>
      </c>
      <c r="Q1426" s="47">
        <v>4.3</v>
      </c>
    </row>
    <row r="1427" spans="2:17" ht="21.6" x14ac:dyDescent="0.2">
      <c r="B1427" s="76"/>
      <c r="C1427" s="39" t="s">
        <v>45</v>
      </c>
      <c r="D1427" s="45">
        <v>223</v>
      </c>
      <c r="E1427" s="46">
        <v>1.3</v>
      </c>
      <c r="F1427" s="46">
        <v>4</v>
      </c>
      <c r="G1427" s="46">
        <v>2.2000000000000002</v>
      </c>
      <c r="H1427" s="46">
        <v>9.4</v>
      </c>
      <c r="I1427" s="46">
        <v>16.100000000000001</v>
      </c>
      <c r="J1427" s="46">
        <v>39</v>
      </c>
      <c r="K1427" s="46">
        <v>7.6</v>
      </c>
      <c r="L1427" s="46">
        <v>57.8</v>
      </c>
      <c r="M1427" s="46">
        <v>5.4</v>
      </c>
      <c r="N1427" s="46">
        <v>4.5</v>
      </c>
      <c r="O1427" s="46">
        <v>2.2000000000000002</v>
      </c>
      <c r="P1427" s="46">
        <v>2.2000000000000002</v>
      </c>
      <c r="Q1427" s="47">
        <v>9</v>
      </c>
    </row>
    <row r="1428" spans="2:17" ht="21.6" x14ac:dyDescent="0.2">
      <c r="B1428" s="76"/>
      <c r="C1428" s="39" t="s">
        <v>46</v>
      </c>
      <c r="D1428" s="45">
        <v>199</v>
      </c>
      <c r="E1428" s="46">
        <v>2.5</v>
      </c>
      <c r="F1428" s="46">
        <v>4</v>
      </c>
      <c r="G1428" s="46">
        <v>5</v>
      </c>
      <c r="H1428" s="46">
        <v>13.6</v>
      </c>
      <c r="I1428" s="46">
        <v>15.6</v>
      </c>
      <c r="J1428" s="46">
        <v>49.2</v>
      </c>
      <c r="K1428" s="46">
        <v>8.5</v>
      </c>
      <c r="L1428" s="46">
        <v>69.3</v>
      </c>
      <c r="M1428" s="46">
        <v>2</v>
      </c>
      <c r="N1428" s="46">
        <v>8.5</v>
      </c>
      <c r="O1428" s="46">
        <v>4</v>
      </c>
      <c r="P1428" s="46">
        <v>1.5</v>
      </c>
      <c r="Q1428" s="47">
        <v>3.5</v>
      </c>
    </row>
    <row r="1429" spans="2:17" ht="21.6" x14ac:dyDescent="0.2">
      <c r="B1429" s="76"/>
      <c r="C1429" s="39" t="s">
        <v>47</v>
      </c>
      <c r="D1429" s="45">
        <v>155</v>
      </c>
      <c r="E1429" s="46">
        <v>2.6</v>
      </c>
      <c r="F1429" s="46">
        <v>6.5</v>
      </c>
      <c r="G1429" s="46">
        <v>5.8</v>
      </c>
      <c r="H1429" s="46">
        <v>7.7</v>
      </c>
      <c r="I1429" s="46">
        <v>13.5</v>
      </c>
      <c r="J1429" s="46">
        <v>38.1</v>
      </c>
      <c r="K1429" s="46">
        <v>3.2</v>
      </c>
      <c r="L1429" s="46">
        <v>63.2</v>
      </c>
      <c r="M1429" s="46">
        <v>2.6</v>
      </c>
      <c r="N1429" s="46">
        <v>1.3</v>
      </c>
      <c r="O1429" s="46">
        <v>0.6</v>
      </c>
      <c r="P1429" s="46">
        <v>3.9</v>
      </c>
      <c r="Q1429" s="47">
        <v>6.5</v>
      </c>
    </row>
    <row r="1430" spans="2:17" ht="21.6" x14ac:dyDescent="0.2">
      <c r="B1430" s="76"/>
      <c r="C1430" s="39" t="s">
        <v>48</v>
      </c>
      <c r="D1430" s="45">
        <v>124</v>
      </c>
      <c r="E1430" s="46">
        <v>2.4</v>
      </c>
      <c r="F1430" s="46">
        <v>0.8</v>
      </c>
      <c r="G1430" s="46">
        <v>3.2</v>
      </c>
      <c r="H1430" s="46">
        <v>8.1</v>
      </c>
      <c r="I1430" s="46">
        <v>14.5</v>
      </c>
      <c r="J1430" s="46">
        <v>38.700000000000003</v>
      </c>
      <c r="K1430" s="46">
        <v>8.1</v>
      </c>
      <c r="L1430" s="46">
        <v>61.3</v>
      </c>
      <c r="M1430" s="46">
        <v>3.2</v>
      </c>
      <c r="N1430" s="46">
        <v>2.4</v>
      </c>
      <c r="O1430" s="46">
        <v>0.8</v>
      </c>
      <c r="P1430" s="46">
        <v>1.6</v>
      </c>
      <c r="Q1430" s="47">
        <v>3.2</v>
      </c>
    </row>
    <row r="1431" spans="2:17" ht="21.6" x14ac:dyDescent="0.2">
      <c r="B1431" s="76"/>
      <c r="C1431" s="39" t="s">
        <v>49</v>
      </c>
      <c r="D1431" s="45">
        <v>85</v>
      </c>
      <c r="E1431" s="46">
        <v>0</v>
      </c>
      <c r="F1431" s="46">
        <v>3.5</v>
      </c>
      <c r="G1431" s="46">
        <v>4.7</v>
      </c>
      <c r="H1431" s="46">
        <v>5.9</v>
      </c>
      <c r="I1431" s="46">
        <v>16.5</v>
      </c>
      <c r="J1431" s="46">
        <v>22.4</v>
      </c>
      <c r="K1431" s="46">
        <v>10.6</v>
      </c>
      <c r="L1431" s="46">
        <v>42.4</v>
      </c>
      <c r="M1431" s="46">
        <v>11.8</v>
      </c>
      <c r="N1431" s="46">
        <v>2.4</v>
      </c>
      <c r="O1431" s="46">
        <v>1.2</v>
      </c>
      <c r="P1431" s="46">
        <v>5.9</v>
      </c>
      <c r="Q1431" s="47">
        <v>8.1999999999999993</v>
      </c>
    </row>
    <row r="1432" spans="2:17" ht="21.6" x14ac:dyDescent="0.2">
      <c r="B1432" s="76"/>
      <c r="C1432" s="39" t="s">
        <v>50</v>
      </c>
      <c r="D1432" s="45">
        <v>32</v>
      </c>
      <c r="E1432" s="46">
        <v>3.1</v>
      </c>
      <c r="F1432" s="46">
        <v>3.1</v>
      </c>
      <c r="G1432" s="46">
        <v>0</v>
      </c>
      <c r="H1432" s="46">
        <v>12.5</v>
      </c>
      <c r="I1432" s="46">
        <v>9.4</v>
      </c>
      <c r="J1432" s="46">
        <v>21.9</v>
      </c>
      <c r="K1432" s="46">
        <v>6.3</v>
      </c>
      <c r="L1432" s="46">
        <v>68.8</v>
      </c>
      <c r="M1432" s="46">
        <v>0</v>
      </c>
      <c r="N1432" s="46">
        <v>0</v>
      </c>
      <c r="O1432" s="46">
        <v>0</v>
      </c>
      <c r="P1432" s="46">
        <v>3.1</v>
      </c>
      <c r="Q1432" s="47">
        <v>0</v>
      </c>
    </row>
    <row r="1433" spans="2:17" ht="21.6" x14ac:dyDescent="0.2">
      <c r="B1433" s="76"/>
      <c r="C1433" s="39" t="s">
        <v>51</v>
      </c>
      <c r="D1433" s="45">
        <v>28</v>
      </c>
      <c r="E1433" s="46">
        <v>7.1</v>
      </c>
      <c r="F1433" s="46">
        <v>7.1</v>
      </c>
      <c r="G1433" s="46">
        <v>10.7</v>
      </c>
      <c r="H1433" s="46">
        <v>7.1</v>
      </c>
      <c r="I1433" s="46">
        <v>14.3</v>
      </c>
      <c r="J1433" s="46">
        <v>35.700000000000003</v>
      </c>
      <c r="K1433" s="46">
        <v>7.1</v>
      </c>
      <c r="L1433" s="46">
        <v>57.1</v>
      </c>
      <c r="M1433" s="46">
        <v>3.6</v>
      </c>
      <c r="N1433" s="46">
        <v>0</v>
      </c>
      <c r="O1433" s="46">
        <v>3.6</v>
      </c>
      <c r="P1433" s="46">
        <v>3.6</v>
      </c>
      <c r="Q1433" s="47">
        <v>10.7</v>
      </c>
    </row>
    <row r="1434" spans="2:17" ht="21.6" x14ac:dyDescent="0.2">
      <c r="B1434" s="76"/>
      <c r="C1434" s="39" t="s">
        <v>52</v>
      </c>
      <c r="D1434" s="45">
        <v>114</v>
      </c>
      <c r="E1434" s="46">
        <v>1.8</v>
      </c>
      <c r="F1434" s="46">
        <v>4.4000000000000004</v>
      </c>
      <c r="G1434" s="46">
        <v>8.8000000000000007</v>
      </c>
      <c r="H1434" s="46">
        <v>13.2</v>
      </c>
      <c r="I1434" s="46">
        <v>11.4</v>
      </c>
      <c r="J1434" s="46">
        <v>43.9</v>
      </c>
      <c r="K1434" s="46">
        <v>9.6</v>
      </c>
      <c r="L1434" s="46">
        <v>64</v>
      </c>
      <c r="M1434" s="46">
        <v>0</v>
      </c>
      <c r="N1434" s="46">
        <v>7</v>
      </c>
      <c r="O1434" s="46">
        <v>0.9</v>
      </c>
      <c r="P1434" s="46">
        <v>1.8</v>
      </c>
      <c r="Q1434" s="47">
        <v>4.4000000000000004</v>
      </c>
    </row>
    <row r="1435" spans="2:17" x14ac:dyDescent="0.2">
      <c r="B1435" s="76"/>
      <c r="C1435" s="39" t="s">
        <v>53</v>
      </c>
      <c r="D1435" s="45">
        <v>105</v>
      </c>
      <c r="E1435" s="46">
        <v>2.9</v>
      </c>
      <c r="F1435" s="46">
        <v>3.8</v>
      </c>
      <c r="G1435" s="46">
        <v>2.9</v>
      </c>
      <c r="H1435" s="46">
        <v>10.5</v>
      </c>
      <c r="I1435" s="46">
        <v>14.3</v>
      </c>
      <c r="J1435" s="46">
        <v>43.8</v>
      </c>
      <c r="K1435" s="46">
        <v>3.8</v>
      </c>
      <c r="L1435" s="46">
        <v>59</v>
      </c>
      <c r="M1435" s="46">
        <v>1</v>
      </c>
      <c r="N1435" s="46">
        <v>4.8</v>
      </c>
      <c r="O1435" s="46">
        <v>2.9</v>
      </c>
      <c r="P1435" s="46">
        <v>3.8</v>
      </c>
      <c r="Q1435" s="47">
        <v>6.7</v>
      </c>
    </row>
    <row r="1436" spans="2:17" ht="21.6" x14ac:dyDescent="0.2">
      <c r="B1436" s="76"/>
      <c r="C1436" s="39" t="s">
        <v>54</v>
      </c>
      <c r="D1436" s="45">
        <v>203</v>
      </c>
      <c r="E1436" s="46">
        <v>1</v>
      </c>
      <c r="F1436" s="46">
        <v>3</v>
      </c>
      <c r="G1436" s="46">
        <v>4.4000000000000004</v>
      </c>
      <c r="H1436" s="46">
        <v>8.4</v>
      </c>
      <c r="I1436" s="46">
        <v>19.2</v>
      </c>
      <c r="J1436" s="46">
        <v>34</v>
      </c>
      <c r="K1436" s="46">
        <v>8.4</v>
      </c>
      <c r="L1436" s="46">
        <v>61.6</v>
      </c>
      <c r="M1436" s="46">
        <v>3.4</v>
      </c>
      <c r="N1436" s="46">
        <v>1.5</v>
      </c>
      <c r="O1436" s="46">
        <v>1.5</v>
      </c>
      <c r="P1436" s="46">
        <v>2.5</v>
      </c>
      <c r="Q1436" s="47">
        <v>6.4</v>
      </c>
    </row>
    <row r="1437" spans="2:17" ht="21.6" x14ac:dyDescent="0.2">
      <c r="B1437" s="76"/>
      <c r="C1437" s="39" t="s">
        <v>55</v>
      </c>
      <c r="D1437" s="45">
        <v>216</v>
      </c>
      <c r="E1437" s="46">
        <v>3.2</v>
      </c>
      <c r="F1437" s="46">
        <v>3.7</v>
      </c>
      <c r="G1437" s="46">
        <v>4.2</v>
      </c>
      <c r="H1437" s="46">
        <v>7.4</v>
      </c>
      <c r="I1437" s="46">
        <v>12</v>
      </c>
      <c r="J1437" s="46">
        <v>31.9</v>
      </c>
      <c r="K1437" s="46">
        <v>7.9</v>
      </c>
      <c r="L1437" s="46">
        <v>56.9</v>
      </c>
      <c r="M1437" s="46">
        <v>6.9</v>
      </c>
      <c r="N1437" s="46">
        <v>2.2999999999999998</v>
      </c>
      <c r="O1437" s="46">
        <v>2.2999999999999998</v>
      </c>
      <c r="P1437" s="46">
        <v>3.7</v>
      </c>
      <c r="Q1437" s="47">
        <v>7.9</v>
      </c>
    </row>
    <row r="1438" spans="2:17" ht="21.6" x14ac:dyDescent="0.2">
      <c r="B1438" s="76"/>
      <c r="C1438" s="39" t="s">
        <v>56</v>
      </c>
      <c r="D1438" s="45">
        <v>311</v>
      </c>
      <c r="E1438" s="46">
        <v>3.2</v>
      </c>
      <c r="F1438" s="46">
        <v>5.0999999999999996</v>
      </c>
      <c r="G1438" s="46">
        <v>2.9</v>
      </c>
      <c r="H1438" s="46">
        <v>9.3000000000000007</v>
      </c>
      <c r="I1438" s="46">
        <v>16.100000000000001</v>
      </c>
      <c r="J1438" s="46">
        <v>30.5</v>
      </c>
      <c r="K1438" s="46">
        <v>7.4</v>
      </c>
      <c r="L1438" s="46">
        <v>56.9</v>
      </c>
      <c r="M1438" s="46">
        <v>4.2</v>
      </c>
      <c r="N1438" s="46">
        <v>1.6</v>
      </c>
      <c r="O1438" s="46">
        <v>1.6</v>
      </c>
      <c r="P1438" s="46">
        <v>2.9</v>
      </c>
      <c r="Q1438" s="47">
        <v>9</v>
      </c>
    </row>
    <row r="1439" spans="2:17" x14ac:dyDescent="0.2">
      <c r="B1439" s="76"/>
      <c r="C1439" s="40" t="s">
        <v>57</v>
      </c>
      <c r="D1439" s="48">
        <v>286</v>
      </c>
      <c r="E1439" s="49">
        <v>1.4</v>
      </c>
      <c r="F1439" s="49">
        <v>3.5</v>
      </c>
      <c r="G1439" s="49">
        <v>5.6</v>
      </c>
      <c r="H1439" s="49">
        <v>10.1</v>
      </c>
      <c r="I1439" s="49">
        <v>13.6</v>
      </c>
      <c r="J1439" s="49">
        <v>40.6</v>
      </c>
      <c r="K1439" s="49">
        <v>8.4</v>
      </c>
      <c r="L1439" s="49">
        <v>60.5</v>
      </c>
      <c r="M1439" s="49">
        <v>3.1</v>
      </c>
      <c r="N1439" s="49">
        <v>4.2</v>
      </c>
      <c r="O1439" s="49">
        <v>2.1</v>
      </c>
      <c r="P1439" s="49">
        <v>3.5</v>
      </c>
      <c r="Q1439" s="50">
        <v>5.6</v>
      </c>
    </row>
    <row r="1440" spans="2:17" x14ac:dyDescent="0.2">
      <c r="B1440" s="7" t="s">
        <v>71</v>
      </c>
      <c r="C1440" s="4" t="s">
        <v>119</v>
      </c>
    </row>
    <row r="1441" spans="1:25" x14ac:dyDescent="0.2">
      <c r="B1441" s="4"/>
      <c r="C1441" s="4" t="s">
        <v>73</v>
      </c>
    </row>
    <row r="1443" spans="1:25" x14ac:dyDescent="0.2">
      <c r="C1443" t="s">
        <v>35</v>
      </c>
    </row>
    <row r="1444" spans="1:25" x14ac:dyDescent="0.2">
      <c r="B1444" s="74" t="s">
        <v>205</v>
      </c>
      <c r="C1444" s="75"/>
      <c r="D1444" s="75"/>
      <c r="E1444" s="75"/>
      <c r="F1444" s="75"/>
      <c r="G1444" s="75"/>
      <c r="H1444" s="75"/>
      <c r="I1444" s="75"/>
      <c r="J1444" s="75"/>
      <c r="K1444" s="75"/>
      <c r="L1444" s="75"/>
      <c r="M1444" s="75"/>
      <c r="N1444" s="75"/>
      <c r="O1444" s="75"/>
      <c r="P1444" s="75"/>
      <c r="Q1444" s="75"/>
      <c r="R1444" s="75"/>
      <c r="S1444" s="75"/>
      <c r="T1444" s="75"/>
      <c r="U1444" s="75"/>
      <c r="V1444" s="75"/>
      <c r="W1444" s="75"/>
      <c r="X1444" s="75"/>
      <c r="Y1444" s="75"/>
    </row>
    <row r="1445" spans="1:25" s="32" customFormat="1" ht="68.849999999999994" customHeight="1" x14ac:dyDescent="0.15">
      <c r="A1445" s="31"/>
      <c r="D1445" s="33" t="s">
        <v>242</v>
      </c>
      <c r="E1445" s="35" t="s">
        <v>295</v>
      </c>
      <c r="F1445" s="36" t="s">
        <v>296</v>
      </c>
      <c r="G1445" s="36" t="s">
        <v>297</v>
      </c>
      <c r="H1445" s="36" t="s">
        <v>298</v>
      </c>
      <c r="I1445" s="36" t="s">
        <v>299</v>
      </c>
      <c r="J1445" s="36" t="s">
        <v>300</v>
      </c>
      <c r="K1445" s="36" t="s">
        <v>301</v>
      </c>
      <c r="L1445" s="36" t="s">
        <v>302</v>
      </c>
      <c r="M1445" s="36" t="s">
        <v>303</v>
      </c>
      <c r="N1445" s="36" t="s">
        <v>304</v>
      </c>
      <c r="O1445" s="36" t="s">
        <v>305</v>
      </c>
      <c r="P1445" s="36" t="s">
        <v>306</v>
      </c>
      <c r="Q1445" s="37" t="s">
        <v>307</v>
      </c>
      <c r="R1445" s="34" t="s">
        <v>251</v>
      </c>
    </row>
    <row r="1446" spans="1:25" ht="21.6" x14ac:dyDescent="0.2">
      <c r="B1446" s="76" t="s">
        <v>37</v>
      </c>
      <c r="C1446" s="38" t="s">
        <v>58</v>
      </c>
      <c r="D1446" s="51">
        <v>254</v>
      </c>
      <c r="E1446" s="52">
        <v>3.9</v>
      </c>
      <c r="F1446" s="52">
        <v>4.7</v>
      </c>
      <c r="G1446" s="52">
        <v>4.3</v>
      </c>
      <c r="H1446" s="52">
        <v>11.4</v>
      </c>
      <c r="I1446" s="52">
        <v>15.7</v>
      </c>
      <c r="J1446" s="52">
        <v>32.299999999999997</v>
      </c>
      <c r="K1446" s="52">
        <v>7.5</v>
      </c>
      <c r="L1446" s="52">
        <v>54.7</v>
      </c>
      <c r="M1446" s="52">
        <v>3.5</v>
      </c>
      <c r="N1446" s="52">
        <v>1.2</v>
      </c>
      <c r="O1446" s="52">
        <v>1.2</v>
      </c>
      <c r="P1446" s="52">
        <v>3.5</v>
      </c>
      <c r="Q1446" s="53">
        <v>7.9</v>
      </c>
    </row>
    <row r="1447" spans="1:25" ht="21.6" x14ac:dyDescent="0.2">
      <c r="B1447" s="76"/>
      <c r="C1447" s="39" t="s">
        <v>59</v>
      </c>
      <c r="D1447" s="45">
        <v>480</v>
      </c>
      <c r="E1447" s="46">
        <v>1.7</v>
      </c>
      <c r="F1447" s="46">
        <v>4</v>
      </c>
      <c r="G1447" s="46">
        <v>4.5999999999999996</v>
      </c>
      <c r="H1447" s="46">
        <v>7.9</v>
      </c>
      <c r="I1447" s="46">
        <v>12.9</v>
      </c>
      <c r="J1447" s="46">
        <v>41</v>
      </c>
      <c r="K1447" s="46">
        <v>7.3</v>
      </c>
      <c r="L1447" s="46">
        <v>63.3</v>
      </c>
      <c r="M1447" s="46">
        <v>3.8</v>
      </c>
      <c r="N1447" s="46">
        <v>5.4</v>
      </c>
      <c r="O1447" s="46">
        <v>2.1</v>
      </c>
      <c r="P1447" s="46">
        <v>2.9</v>
      </c>
      <c r="Q1447" s="47">
        <v>6.3</v>
      </c>
    </row>
    <row r="1448" spans="1:25" x14ac:dyDescent="0.2">
      <c r="B1448" s="76"/>
      <c r="C1448" s="39" t="s">
        <v>60</v>
      </c>
      <c r="D1448" s="45">
        <v>475</v>
      </c>
      <c r="E1448" s="46">
        <v>2.2999999999999998</v>
      </c>
      <c r="F1448" s="46">
        <v>4.5999999999999996</v>
      </c>
      <c r="G1448" s="46">
        <v>4.5999999999999996</v>
      </c>
      <c r="H1448" s="46">
        <v>9.5</v>
      </c>
      <c r="I1448" s="46">
        <v>13.5</v>
      </c>
      <c r="J1448" s="46">
        <v>39.200000000000003</v>
      </c>
      <c r="K1448" s="46">
        <v>5.5</v>
      </c>
      <c r="L1448" s="46">
        <v>61.1</v>
      </c>
      <c r="M1448" s="46">
        <v>4</v>
      </c>
      <c r="N1448" s="46">
        <v>4</v>
      </c>
      <c r="O1448" s="46">
        <v>2.5</v>
      </c>
      <c r="P1448" s="46">
        <v>3.4</v>
      </c>
      <c r="Q1448" s="47">
        <v>6.7</v>
      </c>
    </row>
    <row r="1449" spans="1:25" x14ac:dyDescent="0.2">
      <c r="B1449" s="76"/>
      <c r="C1449" s="39" t="s">
        <v>61</v>
      </c>
      <c r="D1449" s="45">
        <v>259</v>
      </c>
      <c r="E1449" s="46">
        <v>2.7</v>
      </c>
      <c r="F1449" s="46">
        <v>3.5</v>
      </c>
      <c r="G1449" s="46">
        <v>4.2</v>
      </c>
      <c r="H1449" s="46">
        <v>8.5</v>
      </c>
      <c r="I1449" s="46">
        <v>14.7</v>
      </c>
      <c r="J1449" s="46">
        <v>35.9</v>
      </c>
      <c r="K1449" s="46">
        <v>10.8</v>
      </c>
      <c r="L1449" s="46">
        <v>59.1</v>
      </c>
      <c r="M1449" s="46">
        <v>3.1</v>
      </c>
      <c r="N1449" s="46">
        <v>3.9</v>
      </c>
      <c r="O1449" s="46">
        <v>0.4</v>
      </c>
      <c r="P1449" s="46">
        <v>2.7</v>
      </c>
      <c r="Q1449" s="47">
        <v>6.9</v>
      </c>
    </row>
    <row r="1450" spans="1:25" x14ac:dyDescent="0.2">
      <c r="B1450" s="76"/>
      <c r="C1450" s="39" t="s">
        <v>62</v>
      </c>
      <c r="D1450" s="45">
        <v>391</v>
      </c>
      <c r="E1450" s="46">
        <v>3.6</v>
      </c>
      <c r="F1450" s="46">
        <v>5.0999999999999996</v>
      </c>
      <c r="G1450" s="46">
        <v>4.3</v>
      </c>
      <c r="H1450" s="46">
        <v>8.6999999999999993</v>
      </c>
      <c r="I1450" s="46">
        <v>12.8</v>
      </c>
      <c r="J1450" s="46">
        <v>29.9</v>
      </c>
      <c r="K1450" s="46">
        <v>7.7</v>
      </c>
      <c r="L1450" s="46">
        <v>59.8</v>
      </c>
      <c r="M1450" s="46">
        <v>4.3</v>
      </c>
      <c r="N1450" s="46">
        <v>3.1</v>
      </c>
      <c r="O1450" s="46">
        <v>1.3</v>
      </c>
      <c r="P1450" s="46">
        <v>2.6</v>
      </c>
      <c r="Q1450" s="47">
        <v>6.9</v>
      </c>
    </row>
    <row r="1451" spans="1:25" ht="21.6" x14ac:dyDescent="0.2">
      <c r="B1451" s="76"/>
      <c r="C1451" s="39" t="s">
        <v>63</v>
      </c>
      <c r="D1451" s="45">
        <v>74</v>
      </c>
      <c r="E1451" s="46">
        <v>5.4</v>
      </c>
      <c r="F1451" s="46">
        <v>9.5</v>
      </c>
      <c r="G1451" s="46">
        <v>9.5</v>
      </c>
      <c r="H1451" s="46">
        <v>10.8</v>
      </c>
      <c r="I1451" s="46">
        <v>9.5</v>
      </c>
      <c r="J1451" s="46">
        <v>36.5</v>
      </c>
      <c r="K1451" s="46">
        <v>1.4</v>
      </c>
      <c r="L1451" s="46">
        <v>50</v>
      </c>
      <c r="M1451" s="46">
        <v>2.7</v>
      </c>
      <c r="N1451" s="46">
        <v>4.0999999999999996</v>
      </c>
      <c r="O1451" s="46">
        <v>2.7</v>
      </c>
      <c r="P1451" s="46">
        <v>1.4</v>
      </c>
      <c r="Q1451" s="47">
        <v>6.8</v>
      </c>
    </row>
    <row r="1452" spans="1:25" x14ac:dyDescent="0.2">
      <c r="B1452" s="76"/>
      <c r="C1452" s="39" t="s">
        <v>64</v>
      </c>
      <c r="D1452" s="45">
        <v>102</v>
      </c>
      <c r="E1452" s="46">
        <v>5.9</v>
      </c>
      <c r="F1452" s="46">
        <v>5.9</v>
      </c>
      <c r="G1452" s="46">
        <v>4.9000000000000004</v>
      </c>
      <c r="H1452" s="46">
        <v>6.9</v>
      </c>
      <c r="I1452" s="46">
        <v>16.7</v>
      </c>
      <c r="J1452" s="46">
        <v>31.4</v>
      </c>
      <c r="K1452" s="46">
        <v>12.7</v>
      </c>
      <c r="L1452" s="46">
        <v>57.8</v>
      </c>
      <c r="M1452" s="46">
        <v>4.9000000000000004</v>
      </c>
      <c r="N1452" s="46">
        <v>3.9</v>
      </c>
      <c r="O1452" s="46">
        <v>2.9</v>
      </c>
      <c r="P1452" s="46">
        <v>2.9</v>
      </c>
      <c r="Q1452" s="47">
        <v>2.9</v>
      </c>
    </row>
    <row r="1453" spans="1:25" x14ac:dyDescent="0.2">
      <c r="B1453" s="76"/>
      <c r="C1453" s="39" t="s">
        <v>65</v>
      </c>
      <c r="D1453" s="45">
        <v>118</v>
      </c>
      <c r="E1453" s="46">
        <v>2.5</v>
      </c>
      <c r="F1453" s="46">
        <v>3.4</v>
      </c>
      <c r="G1453" s="46">
        <v>4.2</v>
      </c>
      <c r="H1453" s="46">
        <v>9.3000000000000007</v>
      </c>
      <c r="I1453" s="46">
        <v>11.9</v>
      </c>
      <c r="J1453" s="46">
        <v>30.5</v>
      </c>
      <c r="K1453" s="46">
        <v>9.3000000000000007</v>
      </c>
      <c r="L1453" s="46">
        <v>61.9</v>
      </c>
      <c r="M1453" s="46">
        <v>7.6</v>
      </c>
      <c r="N1453" s="46">
        <v>1.7</v>
      </c>
      <c r="O1453" s="46">
        <v>0</v>
      </c>
      <c r="P1453" s="46">
        <v>0.8</v>
      </c>
      <c r="Q1453" s="47">
        <v>6.8</v>
      </c>
    </row>
    <row r="1454" spans="1:25" x14ac:dyDescent="0.2">
      <c r="B1454" s="76"/>
      <c r="C1454" s="39" t="s">
        <v>66</v>
      </c>
      <c r="D1454" s="45">
        <v>75</v>
      </c>
      <c r="E1454" s="46">
        <v>1.3</v>
      </c>
      <c r="F1454" s="46">
        <v>4</v>
      </c>
      <c r="G1454" s="46">
        <v>0</v>
      </c>
      <c r="H1454" s="46">
        <v>8</v>
      </c>
      <c r="I1454" s="46">
        <v>12</v>
      </c>
      <c r="J1454" s="46">
        <v>18.7</v>
      </c>
      <c r="K1454" s="46">
        <v>6.7</v>
      </c>
      <c r="L1454" s="46">
        <v>69.3</v>
      </c>
      <c r="M1454" s="46">
        <v>1.3</v>
      </c>
      <c r="N1454" s="46">
        <v>2.7</v>
      </c>
      <c r="O1454" s="46">
        <v>0</v>
      </c>
      <c r="P1454" s="46">
        <v>4</v>
      </c>
      <c r="Q1454" s="47">
        <v>10.7</v>
      </c>
    </row>
    <row r="1455" spans="1:25" x14ac:dyDescent="0.2">
      <c r="B1455" s="76"/>
      <c r="C1455" s="39" t="s">
        <v>67</v>
      </c>
      <c r="D1455" s="45">
        <v>22</v>
      </c>
      <c r="E1455" s="46">
        <v>0</v>
      </c>
      <c r="F1455" s="46">
        <v>0</v>
      </c>
      <c r="G1455" s="46">
        <v>0</v>
      </c>
      <c r="H1455" s="46">
        <v>9.1</v>
      </c>
      <c r="I1455" s="46">
        <v>13.6</v>
      </c>
      <c r="J1455" s="46">
        <v>36.4</v>
      </c>
      <c r="K1455" s="46">
        <v>0</v>
      </c>
      <c r="L1455" s="46">
        <v>59.1</v>
      </c>
      <c r="M1455" s="46">
        <v>0</v>
      </c>
      <c r="N1455" s="46">
        <v>4.5</v>
      </c>
      <c r="O1455" s="46">
        <v>0</v>
      </c>
      <c r="P1455" s="46">
        <v>9.1</v>
      </c>
      <c r="Q1455" s="47">
        <v>13.6</v>
      </c>
    </row>
    <row r="1456" spans="1:25" x14ac:dyDescent="0.2">
      <c r="B1456" s="76"/>
      <c r="C1456" s="39" t="s">
        <v>68</v>
      </c>
      <c r="D1456" s="45">
        <v>325</v>
      </c>
      <c r="E1456" s="46">
        <v>2.8</v>
      </c>
      <c r="F1456" s="46">
        <v>4</v>
      </c>
      <c r="G1456" s="46">
        <v>4.9000000000000004</v>
      </c>
      <c r="H1456" s="46">
        <v>9.5</v>
      </c>
      <c r="I1456" s="46">
        <v>14.5</v>
      </c>
      <c r="J1456" s="46">
        <v>25.8</v>
      </c>
      <c r="K1456" s="46">
        <v>8.3000000000000007</v>
      </c>
      <c r="L1456" s="46">
        <v>58.2</v>
      </c>
      <c r="M1456" s="46">
        <v>4.5999999999999996</v>
      </c>
      <c r="N1456" s="46">
        <v>2.5</v>
      </c>
      <c r="O1456" s="46">
        <v>1.2</v>
      </c>
      <c r="P1456" s="46">
        <v>2.5</v>
      </c>
      <c r="Q1456" s="47">
        <v>7.1</v>
      </c>
    </row>
    <row r="1457" spans="1:25" x14ac:dyDescent="0.2">
      <c r="B1457" s="76"/>
      <c r="C1457" s="39" t="s">
        <v>69</v>
      </c>
      <c r="D1457" s="45">
        <v>66</v>
      </c>
      <c r="E1457" s="46">
        <v>7.6</v>
      </c>
      <c r="F1457" s="46">
        <v>10.6</v>
      </c>
      <c r="G1457" s="46">
        <v>1.5</v>
      </c>
      <c r="H1457" s="46">
        <v>4.5</v>
      </c>
      <c r="I1457" s="46">
        <v>4.5</v>
      </c>
      <c r="J1457" s="46">
        <v>50</v>
      </c>
      <c r="K1457" s="46">
        <v>4.5</v>
      </c>
      <c r="L1457" s="46">
        <v>68.2</v>
      </c>
      <c r="M1457" s="46">
        <v>3</v>
      </c>
      <c r="N1457" s="46">
        <v>6.1</v>
      </c>
      <c r="O1457" s="46">
        <v>1.5</v>
      </c>
      <c r="P1457" s="46">
        <v>3</v>
      </c>
      <c r="Q1457" s="47">
        <v>6.1</v>
      </c>
    </row>
    <row r="1458" spans="1:25" x14ac:dyDescent="0.2">
      <c r="B1458" s="76"/>
      <c r="C1458" s="39" t="s">
        <v>70</v>
      </c>
      <c r="D1458" s="45">
        <v>343</v>
      </c>
      <c r="E1458" s="46">
        <v>1.2</v>
      </c>
      <c r="F1458" s="46">
        <v>3.2</v>
      </c>
      <c r="G1458" s="46">
        <v>4.7</v>
      </c>
      <c r="H1458" s="46">
        <v>9.6</v>
      </c>
      <c r="I1458" s="46">
        <v>15.2</v>
      </c>
      <c r="J1458" s="46">
        <v>47.2</v>
      </c>
      <c r="K1458" s="46">
        <v>7</v>
      </c>
      <c r="L1458" s="46">
        <v>60.9</v>
      </c>
      <c r="M1458" s="46">
        <v>2.9</v>
      </c>
      <c r="N1458" s="46">
        <v>5</v>
      </c>
      <c r="O1458" s="46">
        <v>2.2999999999999998</v>
      </c>
      <c r="P1458" s="46">
        <v>3.8</v>
      </c>
      <c r="Q1458" s="47">
        <v>6.7</v>
      </c>
    </row>
    <row r="1459" spans="1:25" ht="21.6" x14ac:dyDescent="0.2">
      <c r="B1459" s="76"/>
      <c r="C1459" s="39" t="s">
        <v>63</v>
      </c>
      <c r="D1459" s="45">
        <v>79</v>
      </c>
      <c r="E1459" s="46">
        <v>3.8</v>
      </c>
      <c r="F1459" s="46">
        <v>2.5</v>
      </c>
      <c r="G1459" s="46">
        <v>5.0999999999999996</v>
      </c>
      <c r="H1459" s="46">
        <v>8.9</v>
      </c>
      <c r="I1459" s="46">
        <v>24.1</v>
      </c>
      <c r="J1459" s="46">
        <v>53.2</v>
      </c>
      <c r="K1459" s="46">
        <v>10.1</v>
      </c>
      <c r="L1459" s="46">
        <v>64.599999999999994</v>
      </c>
      <c r="M1459" s="46">
        <v>2.5</v>
      </c>
      <c r="N1459" s="46">
        <v>11.4</v>
      </c>
      <c r="O1459" s="46">
        <v>1.3</v>
      </c>
      <c r="P1459" s="46">
        <v>2.5</v>
      </c>
      <c r="Q1459" s="47">
        <v>2.5</v>
      </c>
    </row>
    <row r="1460" spans="1:25" x14ac:dyDescent="0.2">
      <c r="B1460" s="76"/>
      <c r="C1460" s="39" t="s">
        <v>64</v>
      </c>
      <c r="D1460" s="45">
        <v>81</v>
      </c>
      <c r="E1460" s="46">
        <v>0</v>
      </c>
      <c r="F1460" s="46">
        <v>4.9000000000000004</v>
      </c>
      <c r="G1460" s="46">
        <v>6.2</v>
      </c>
      <c r="H1460" s="46">
        <v>8.6</v>
      </c>
      <c r="I1460" s="46">
        <v>12.3</v>
      </c>
      <c r="J1460" s="46">
        <v>43.2</v>
      </c>
      <c r="K1460" s="46">
        <v>4.9000000000000004</v>
      </c>
      <c r="L1460" s="46">
        <v>63</v>
      </c>
      <c r="M1460" s="46">
        <v>1.2</v>
      </c>
      <c r="N1460" s="46">
        <v>3.7</v>
      </c>
      <c r="O1460" s="46">
        <v>4.9000000000000004</v>
      </c>
      <c r="P1460" s="46">
        <v>3.7</v>
      </c>
      <c r="Q1460" s="47">
        <v>12.3</v>
      </c>
    </row>
    <row r="1461" spans="1:25" x14ac:dyDescent="0.2">
      <c r="B1461" s="76"/>
      <c r="C1461" s="39" t="s">
        <v>65</v>
      </c>
      <c r="D1461" s="45">
        <v>92</v>
      </c>
      <c r="E1461" s="46">
        <v>0</v>
      </c>
      <c r="F1461" s="46">
        <v>3.3</v>
      </c>
      <c r="G1461" s="46">
        <v>4.3</v>
      </c>
      <c r="H1461" s="46">
        <v>9.8000000000000007</v>
      </c>
      <c r="I1461" s="46">
        <v>12</v>
      </c>
      <c r="J1461" s="46">
        <v>43.5</v>
      </c>
      <c r="K1461" s="46">
        <v>5.4</v>
      </c>
      <c r="L1461" s="46">
        <v>57.6</v>
      </c>
      <c r="M1461" s="46">
        <v>1.1000000000000001</v>
      </c>
      <c r="N1461" s="46">
        <v>4.3</v>
      </c>
      <c r="O1461" s="46">
        <v>2.2000000000000002</v>
      </c>
      <c r="P1461" s="46">
        <v>4.3</v>
      </c>
      <c r="Q1461" s="47">
        <v>5.4</v>
      </c>
    </row>
    <row r="1462" spans="1:25" x14ac:dyDescent="0.2">
      <c r="B1462" s="76"/>
      <c r="C1462" s="39" t="s">
        <v>66</v>
      </c>
      <c r="D1462" s="45">
        <v>62</v>
      </c>
      <c r="E1462" s="46">
        <v>1.6</v>
      </c>
      <c r="F1462" s="46">
        <v>3.2</v>
      </c>
      <c r="G1462" s="46">
        <v>3.2</v>
      </c>
      <c r="H1462" s="46">
        <v>9.6999999999999993</v>
      </c>
      <c r="I1462" s="46">
        <v>17.7</v>
      </c>
      <c r="J1462" s="46">
        <v>50</v>
      </c>
      <c r="K1462" s="46">
        <v>8.1</v>
      </c>
      <c r="L1462" s="46">
        <v>62.9</v>
      </c>
      <c r="M1462" s="46">
        <v>4.8</v>
      </c>
      <c r="N1462" s="46">
        <v>1.6</v>
      </c>
      <c r="O1462" s="46">
        <v>1.6</v>
      </c>
      <c r="P1462" s="46">
        <v>3.2</v>
      </c>
      <c r="Q1462" s="47">
        <v>8.1</v>
      </c>
    </row>
    <row r="1463" spans="1:25" x14ac:dyDescent="0.2">
      <c r="B1463" s="76"/>
      <c r="C1463" s="39" t="s">
        <v>67</v>
      </c>
      <c r="D1463" s="45">
        <v>29</v>
      </c>
      <c r="E1463" s="46">
        <v>0</v>
      </c>
      <c r="F1463" s="46">
        <v>0</v>
      </c>
      <c r="G1463" s="46">
        <v>3.4</v>
      </c>
      <c r="H1463" s="46">
        <v>13.8</v>
      </c>
      <c r="I1463" s="46">
        <v>3.4</v>
      </c>
      <c r="J1463" s="46">
        <v>48.3</v>
      </c>
      <c r="K1463" s="46">
        <v>6.9</v>
      </c>
      <c r="L1463" s="46">
        <v>51.7</v>
      </c>
      <c r="M1463" s="46">
        <v>10.3</v>
      </c>
      <c r="N1463" s="46">
        <v>0</v>
      </c>
      <c r="O1463" s="46">
        <v>0</v>
      </c>
      <c r="P1463" s="46">
        <v>6.9</v>
      </c>
      <c r="Q1463" s="47">
        <v>3.4</v>
      </c>
    </row>
    <row r="1464" spans="1:25" x14ac:dyDescent="0.2">
      <c r="B1464" s="76"/>
      <c r="C1464" s="39" t="s">
        <v>68</v>
      </c>
      <c r="D1464" s="45">
        <v>146</v>
      </c>
      <c r="E1464" s="46">
        <v>1.4</v>
      </c>
      <c r="F1464" s="46">
        <v>2.7</v>
      </c>
      <c r="G1464" s="46">
        <v>4.8</v>
      </c>
      <c r="H1464" s="46">
        <v>8.9</v>
      </c>
      <c r="I1464" s="46">
        <v>17.8</v>
      </c>
      <c r="J1464" s="46">
        <v>33.6</v>
      </c>
      <c r="K1464" s="46">
        <v>8.9</v>
      </c>
      <c r="L1464" s="46">
        <v>59.6</v>
      </c>
      <c r="M1464" s="46">
        <v>2.1</v>
      </c>
      <c r="N1464" s="46">
        <v>4.0999999999999996</v>
      </c>
      <c r="O1464" s="46">
        <v>2.7</v>
      </c>
      <c r="P1464" s="46">
        <v>3.4</v>
      </c>
      <c r="Q1464" s="47">
        <v>8.9</v>
      </c>
    </row>
    <row r="1465" spans="1:25" x14ac:dyDescent="0.2">
      <c r="B1465" s="76"/>
      <c r="C1465" s="40" t="s">
        <v>69</v>
      </c>
      <c r="D1465" s="48">
        <v>197</v>
      </c>
      <c r="E1465" s="49">
        <v>1</v>
      </c>
      <c r="F1465" s="49">
        <v>3.6</v>
      </c>
      <c r="G1465" s="49">
        <v>4.5999999999999996</v>
      </c>
      <c r="H1465" s="49">
        <v>10.199999999999999</v>
      </c>
      <c r="I1465" s="49">
        <v>13.2</v>
      </c>
      <c r="J1465" s="49">
        <v>57.4</v>
      </c>
      <c r="K1465" s="49">
        <v>5.6</v>
      </c>
      <c r="L1465" s="49">
        <v>61.9</v>
      </c>
      <c r="M1465" s="49">
        <v>3.6</v>
      </c>
      <c r="N1465" s="49">
        <v>5.6</v>
      </c>
      <c r="O1465" s="49">
        <v>2</v>
      </c>
      <c r="P1465" s="49">
        <v>4.0999999999999996</v>
      </c>
      <c r="Q1465" s="50">
        <v>5.0999999999999996</v>
      </c>
    </row>
    <row r="1466" spans="1:25" x14ac:dyDescent="0.2">
      <c r="B1466" s="7" t="s">
        <v>71</v>
      </c>
      <c r="C1466" s="4" t="s">
        <v>119</v>
      </c>
    </row>
    <row r="1467" spans="1:25" x14ac:dyDescent="0.2">
      <c r="B1467" s="4"/>
      <c r="C1467" s="4" t="s">
        <v>73</v>
      </c>
    </row>
    <row r="1469" spans="1:25" x14ac:dyDescent="0.2">
      <c r="A1469" s="26" t="s">
        <v>25</v>
      </c>
      <c r="B1469" t="s">
        <v>35</v>
      </c>
      <c r="C1469" t="s">
        <v>35</v>
      </c>
    </row>
    <row r="1470" spans="1:25" x14ac:dyDescent="0.2">
      <c r="B1470" s="74" t="s">
        <v>120</v>
      </c>
      <c r="C1470" s="75"/>
      <c r="D1470" s="75"/>
      <c r="E1470" s="75"/>
      <c r="F1470" s="75"/>
      <c r="G1470" s="75"/>
      <c r="H1470" s="75"/>
      <c r="I1470" s="75"/>
      <c r="J1470" s="75"/>
      <c r="K1470" s="75"/>
      <c r="L1470" s="75"/>
      <c r="M1470" s="75"/>
      <c r="N1470" s="75"/>
      <c r="O1470" s="75"/>
      <c r="P1470" s="75"/>
      <c r="Q1470" s="75"/>
      <c r="R1470" s="75"/>
      <c r="S1470" s="75"/>
      <c r="T1470" s="75"/>
      <c r="U1470" s="75"/>
      <c r="V1470" s="75"/>
      <c r="W1470" s="75"/>
      <c r="X1470" s="75"/>
      <c r="Y1470" s="75"/>
    </row>
    <row r="1471" spans="1:25" s="32" customFormat="1" ht="68.849999999999994" customHeight="1" x14ac:dyDescent="0.15">
      <c r="A1471" s="31"/>
      <c r="D1471" s="33" t="s">
        <v>242</v>
      </c>
      <c r="E1471" s="35" t="s">
        <v>308</v>
      </c>
      <c r="F1471" s="36" t="s">
        <v>309</v>
      </c>
      <c r="G1471" s="36" t="s">
        <v>310</v>
      </c>
      <c r="H1471" s="36" t="s">
        <v>311</v>
      </c>
      <c r="I1471" s="36" t="s">
        <v>312</v>
      </c>
      <c r="J1471" s="36" t="s">
        <v>313</v>
      </c>
      <c r="K1471" s="36" t="s">
        <v>314</v>
      </c>
      <c r="L1471" s="37" t="s">
        <v>306</v>
      </c>
      <c r="M1471" s="34" t="s">
        <v>251</v>
      </c>
    </row>
    <row r="1472" spans="1:25" x14ac:dyDescent="0.2">
      <c r="B1472" s="5"/>
      <c r="C1472" s="41" t="s">
        <v>38</v>
      </c>
      <c r="D1472" s="42">
        <v>734</v>
      </c>
      <c r="E1472" s="43">
        <v>17.3</v>
      </c>
      <c r="F1472" s="43">
        <v>18.7</v>
      </c>
      <c r="G1472" s="43">
        <v>22.8</v>
      </c>
      <c r="H1472" s="43">
        <v>22.6</v>
      </c>
      <c r="I1472" s="43">
        <v>22.1</v>
      </c>
      <c r="J1472" s="43">
        <v>10.1</v>
      </c>
      <c r="K1472" s="43">
        <v>2.2999999999999998</v>
      </c>
      <c r="L1472" s="44">
        <v>40.700000000000003</v>
      </c>
    </row>
    <row r="1473" spans="2:12" x14ac:dyDescent="0.2">
      <c r="B1473" s="76" t="s">
        <v>37</v>
      </c>
      <c r="C1473" s="39" t="s">
        <v>39</v>
      </c>
      <c r="D1473" s="45">
        <v>33</v>
      </c>
      <c r="E1473" s="46">
        <v>27.3</v>
      </c>
      <c r="F1473" s="46">
        <v>21.2</v>
      </c>
      <c r="G1473" s="46">
        <v>30.3</v>
      </c>
      <c r="H1473" s="46">
        <v>27.3</v>
      </c>
      <c r="I1473" s="46">
        <v>21.2</v>
      </c>
      <c r="J1473" s="46">
        <v>21.2</v>
      </c>
      <c r="K1473" s="46">
        <v>6.1</v>
      </c>
      <c r="L1473" s="47">
        <v>30.3</v>
      </c>
    </row>
    <row r="1474" spans="2:12" x14ac:dyDescent="0.2">
      <c r="B1474" s="76"/>
      <c r="C1474" s="39" t="s">
        <v>40</v>
      </c>
      <c r="D1474" s="45">
        <v>179</v>
      </c>
      <c r="E1474" s="46">
        <v>17.899999999999999</v>
      </c>
      <c r="F1474" s="46">
        <v>19.600000000000001</v>
      </c>
      <c r="G1474" s="46">
        <v>21.2</v>
      </c>
      <c r="H1474" s="46">
        <v>23.5</v>
      </c>
      <c r="I1474" s="46">
        <v>24.6</v>
      </c>
      <c r="J1474" s="46">
        <v>14</v>
      </c>
      <c r="K1474" s="46">
        <v>1.1000000000000001</v>
      </c>
      <c r="L1474" s="47">
        <v>39.700000000000003</v>
      </c>
    </row>
    <row r="1475" spans="2:12" ht="21.6" x14ac:dyDescent="0.2">
      <c r="B1475" s="76"/>
      <c r="C1475" s="39" t="s">
        <v>41</v>
      </c>
      <c r="D1475" s="45">
        <v>8</v>
      </c>
      <c r="E1475" s="46">
        <v>12.5</v>
      </c>
      <c r="F1475" s="46">
        <v>37.5</v>
      </c>
      <c r="G1475" s="46">
        <v>12.5</v>
      </c>
      <c r="H1475" s="46">
        <v>12.5</v>
      </c>
      <c r="I1475" s="46">
        <v>12.5</v>
      </c>
      <c r="J1475" s="46">
        <v>0</v>
      </c>
      <c r="K1475" s="46">
        <v>0</v>
      </c>
      <c r="L1475" s="47">
        <v>50</v>
      </c>
    </row>
    <row r="1476" spans="2:12" ht="21.6" x14ac:dyDescent="0.2">
      <c r="B1476" s="76"/>
      <c r="C1476" s="39" t="s">
        <v>42</v>
      </c>
      <c r="D1476" s="45">
        <v>114</v>
      </c>
      <c r="E1476" s="46">
        <v>17.5</v>
      </c>
      <c r="F1476" s="46">
        <v>19.3</v>
      </c>
      <c r="G1476" s="46">
        <v>24.6</v>
      </c>
      <c r="H1476" s="46">
        <v>26.3</v>
      </c>
      <c r="I1476" s="46">
        <v>25.4</v>
      </c>
      <c r="J1476" s="46">
        <v>16.7</v>
      </c>
      <c r="K1476" s="46">
        <v>2.6</v>
      </c>
      <c r="L1476" s="47">
        <v>36.799999999999997</v>
      </c>
    </row>
    <row r="1477" spans="2:12" ht="21.6" x14ac:dyDescent="0.2">
      <c r="B1477" s="76"/>
      <c r="C1477" s="39" t="s">
        <v>43</v>
      </c>
      <c r="D1477" s="45">
        <v>130</v>
      </c>
      <c r="E1477" s="46">
        <v>14.6</v>
      </c>
      <c r="F1477" s="46">
        <v>17.7</v>
      </c>
      <c r="G1477" s="46">
        <v>20</v>
      </c>
      <c r="H1477" s="46">
        <v>23.1</v>
      </c>
      <c r="I1477" s="46">
        <v>23.8</v>
      </c>
      <c r="J1477" s="46">
        <v>4.5999999999999996</v>
      </c>
      <c r="K1477" s="46">
        <v>4.5999999999999996</v>
      </c>
      <c r="L1477" s="47">
        <v>44.6</v>
      </c>
    </row>
    <row r="1478" spans="2:12" ht="21.6" x14ac:dyDescent="0.2">
      <c r="B1478" s="76"/>
      <c r="C1478" s="39" t="s">
        <v>44</v>
      </c>
      <c r="D1478" s="45">
        <v>47</v>
      </c>
      <c r="E1478" s="46">
        <v>25.5</v>
      </c>
      <c r="F1478" s="46">
        <v>23.4</v>
      </c>
      <c r="G1478" s="46">
        <v>19.100000000000001</v>
      </c>
      <c r="H1478" s="46">
        <v>34</v>
      </c>
      <c r="I1478" s="46">
        <v>23.4</v>
      </c>
      <c r="J1478" s="46">
        <v>6.4</v>
      </c>
      <c r="K1478" s="46">
        <v>0</v>
      </c>
      <c r="L1478" s="47">
        <v>27.7</v>
      </c>
    </row>
    <row r="1479" spans="2:12" ht="21.6" x14ac:dyDescent="0.2">
      <c r="B1479" s="76"/>
      <c r="C1479" s="39" t="s">
        <v>45</v>
      </c>
      <c r="D1479" s="45">
        <v>223</v>
      </c>
      <c r="E1479" s="46">
        <v>15.2</v>
      </c>
      <c r="F1479" s="46">
        <v>16.100000000000001</v>
      </c>
      <c r="G1479" s="46">
        <v>24.7</v>
      </c>
      <c r="H1479" s="46">
        <v>17</v>
      </c>
      <c r="I1479" s="46">
        <v>17.5</v>
      </c>
      <c r="J1479" s="46">
        <v>6.3</v>
      </c>
      <c r="K1479" s="46">
        <v>1.8</v>
      </c>
      <c r="L1479" s="47">
        <v>45.3</v>
      </c>
    </row>
    <row r="1480" spans="2:12" ht="21.6" x14ac:dyDescent="0.2">
      <c r="B1480" s="76"/>
      <c r="C1480" s="39" t="s">
        <v>46</v>
      </c>
      <c r="D1480" s="45">
        <v>199</v>
      </c>
      <c r="E1480" s="46">
        <v>15.6</v>
      </c>
      <c r="F1480" s="46">
        <v>22.6</v>
      </c>
      <c r="G1480" s="46">
        <v>25.6</v>
      </c>
      <c r="H1480" s="46">
        <v>18.600000000000001</v>
      </c>
      <c r="I1480" s="46">
        <v>27.1</v>
      </c>
      <c r="J1480" s="46">
        <v>2.5</v>
      </c>
      <c r="K1480" s="46">
        <v>1.5</v>
      </c>
      <c r="L1480" s="47">
        <v>40.700000000000003</v>
      </c>
    </row>
    <row r="1481" spans="2:12" ht="21.6" x14ac:dyDescent="0.2">
      <c r="B1481" s="76"/>
      <c r="C1481" s="39" t="s">
        <v>47</v>
      </c>
      <c r="D1481" s="45">
        <v>155</v>
      </c>
      <c r="E1481" s="46">
        <v>20</v>
      </c>
      <c r="F1481" s="46">
        <v>16.100000000000001</v>
      </c>
      <c r="G1481" s="46">
        <v>23.2</v>
      </c>
      <c r="H1481" s="46">
        <v>25.8</v>
      </c>
      <c r="I1481" s="46">
        <v>26.5</v>
      </c>
      <c r="J1481" s="46">
        <v>11.6</v>
      </c>
      <c r="K1481" s="46">
        <v>4.5</v>
      </c>
      <c r="L1481" s="47">
        <v>37.4</v>
      </c>
    </row>
    <row r="1482" spans="2:12" ht="21.6" x14ac:dyDescent="0.2">
      <c r="B1482" s="76"/>
      <c r="C1482" s="39" t="s">
        <v>48</v>
      </c>
      <c r="D1482" s="45">
        <v>124</v>
      </c>
      <c r="E1482" s="46">
        <v>16.899999999999999</v>
      </c>
      <c r="F1482" s="46">
        <v>17.7</v>
      </c>
      <c r="G1482" s="46">
        <v>18.5</v>
      </c>
      <c r="H1482" s="46">
        <v>22.6</v>
      </c>
      <c r="I1482" s="46">
        <v>17.7</v>
      </c>
      <c r="J1482" s="46">
        <v>10.5</v>
      </c>
      <c r="K1482" s="46">
        <v>1.6</v>
      </c>
      <c r="L1482" s="47">
        <v>37.9</v>
      </c>
    </row>
    <row r="1483" spans="2:12" ht="21.6" x14ac:dyDescent="0.2">
      <c r="B1483" s="76"/>
      <c r="C1483" s="39" t="s">
        <v>49</v>
      </c>
      <c r="D1483" s="45">
        <v>85</v>
      </c>
      <c r="E1483" s="46">
        <v>14.1</v>
      </c>
      <c r="F1483" s="46">
        <v>16.5</v>
      </c>
      <c r="G1483" s="46">
        <v>17.600000000000001</v>
      </c>
      <c r="H1483" s="46">
        <v>32.9</v>
      </c>
      <c r="I1483" s="46">
        <v>17.600000000000001</v>
      </c>
      <c r="J1483" s="46">
        <v>21.2</v>
      </c>
      <c r="K1483" s="46">
        <v>2.4</v>
      </c>
      <c r="L1483" s="47">
        <v>41.2</v>
      </c>
    </row>
    <row r="1484" spans="2:12" ht="21.6" x14ac:dyDescent="0.2">
      <c r="B1484" s="76"/>
      <c r="C1484" s="39" t="s">
        <v>50</v>
      </c>
      <c r="D1484" s="45">
        <v>32</v>
      </c>
      <c r="E1484" s="46">
        <v>28.1</v>
      </c>
      <c r="F1484" s="46">
        <v>15.6</v>
      </c>
      <c r="G1484" s="46">
        <v>31.3</v>
      </c>
      <c r="H1484" s="46">
        <v>43.8</v>
      </c>
      <c r="I1484" s="46">
        <v>6.3</v>
      </c>
      <c r="J1484" s="46">
        <v>15.6</v>
      </c>
      <c r="K1484" s="46">
        <v>3.1</v>
      </c>
      <c r="L1484" s="47">
        <v>21.9</v>
      </c>
    </row>
    <row r="1485" spans="2:12" ht="21.6" x14ac:dyDescent="0.2">
      <c r="B1485" s="76"/>
      <c r="C1485" s="39" t="s">
        <v>51</v>
      </c>
      <c r="D1485" s="45">
        <v>28</v>
      </c>
      <c r="E1485" s="46">
        <v>32.1</v>
      </c>
      <c r="F1485" s="46">
        <v>28.6</v>
      </c>
      <c r="G1485" s="46">
        <v>21.4</v>
      </c>
      <c r="H1485" s="46">
        <v>35.700000000000003</v>
      </c>
      <c r="I1485" s="46">
        <v>42.9</v>
      </c>
      <c r="J1485" s="46">
        <v>21.4</v>
      </c>
      <c r="K1485" s="46">
        <v>0</v>
      </c>
      <c r="L1485" s="47">
        <v>14.3</v>
      </c>
    </row>
    <row r="1486" spans="2:12" ht="21.6" x14ac:dyDescent="0.2">
      <c r="B1486" s="76"/>
      <c r="C1486" s="39" t="s">
        <v>52</v>
      </c>
      <c r="D1486" s="45">
        <v>114</v>
      </c>
      <c r="E1486" s="46">
        <v>14</v>
      </c>
      <c r="F1486" s="46">
        <v>17.5</v>
      </c>
      <c r="G1486" s="46">
        <v>23.7</v>
      </c>
      <c r="H1486" s="46">
        <v>20.2</v>
      </c>
      <c r="I1486" s="46">
        <v>20.2</v>
      </c>
      <c r="J1486" s="46">
        <v>1.8</v>
      </c>
      <c r="K1486" s="46">
        <v>3.5</v>
      </c>
      <c r="L1486" s="47">
        <v>50</v>
      </c>
    </row>
    <row r="1487" spans="2:12" x14ac:dyDescent="0.2">
      <c r="B1487" s="76"/>
      <c r="C1487" s="39" t="s">
        <v>53</v>
      </c>
      <c r="D1487" s="45">
        <v>105</v>
      </c>
      <c r="E1487" s="46">
        <v>19</v>
      </c>
      <c r="F1487" s="46">
        <v>25.7</v>
      </c>
      <c r="G1487" s="46">
        <v>25.7</v>
      </c>
      <c r="H1487" s="46">
        <v>14.3</v>
      </c>
      <c r="I1487" s="46">
        <v>27.6</v>
      </c>
      <c r="J1487" s="46">
        <v>4.8</v>
      </c>
      <c r="K1487" s="46">
        <v>3.8</v>
      </c>
      <c r="L1487" s="47">
        <v>40</v>
      </c>
    </row>
    <row r="1488" spans="2:12" ht="21.6" x14ac:dyDescent="0.2">
      <c r="B1488" s="76"/>
      <c r="C1488" s="39" t="s">
        <v>54</v>
      </c>
      <c r="D1488" s="45">
        <v>203</v>
      </c>
      <c r="E1488" s="46">
        <v>18.7</v>
      </c>
      <c r="F1488" s="46">
        <v>15.3</v>
      </c>
      <c r="G1488" s="46">
        <v>25.1</v>
      </c>
      <c r="H1488" s="46">
        <v>27.6</v>
      </c>
      <c r="I1488" s="46">
        <v>24.1</v>
      </c>
      <c r="J1488" s="46">
        <v>14.3</v>
      </c>
      <c r="K1488" s="46">
        <v>2.5</v>
      </c>
      <c r="L1488" s="47">
        <v>32.5</v>
      </c>
    </row>
    <row r="1489" spans="1:25" ht="21.6" x14ac:dyDescent="0.2">
      <c r="B1489" s="76"/>
      <c r="C1489" s="39" t="s">
        <v>55</v>
      </c>
      <c r="D1489" s="45">
        <v>216</v>
      </c>
      <c r="E1489" s="46">
        <v>19.899999999999999</v>
      </c>
      <c r="F1489" s="46">
        <v>20.399999999999999</v>
      </c>
      <c r="G1489" s="46">
        <v>19.399999999999999</v>
      </c>
      <c r="H1489" s="46">
        <v>27.8</v>
      </c>
      <c r="I1489" s="46">
        <v>24.1</v>
      </c>
      <c r="J1489" s="46">
        <v>14.8</v>
      </c>
      <c r="K1489" s="46">
        <v>0.5</v>
      </c>
      <c r="L1489" s="47">
        <v>36.1</v>
      </c>
    </row>
    <row r="1490" spans="1:25" ht="21.6" x14ac:dyDescent="0.2">
      <c r="B1490" s="76"/>
      <c r="C1490" s="39" t="s">
        <v>56</v>
      </c>
      <c r="D1490" s="45">
        <v>311</v>
      </c>
      <c r="E1490" s="46">
        <v>19.899999999999999</v>
      </c>
      <c r="F1490" s="46">
        <v>21.2</v>
      </c>
      <c r="G1490" s="46">
        <v>19.899999999999999</v>
      </c>
      <c r="H1490" s="46">
        <v>27.3</v>
      </c>
      <c r="I1490" s="46">
        <v>23.8</v>
      </c>
      <c r="J1490" s="46">
        <v>14.1</v>
      </c>
      <c r="K1490" s="46">
        <v>2.2999999999999998</v>
      </c>
      <c r="L1490" s="47">
        <v>36</v>
      </c>
    </row>
    <row r="1491" spans="1:25" x14ac:dyDescent="0.2">
      <c r="B1491" s="76"/>
      <c r="C1491" s="40" t="s">
        <v>57</v>
      </c>
      <c r="D1491" s="48">
        <v>286</v>
      </c>
      <c r="E1491" s="49">
        <v>15.7</v>
      </c>
      <c r="F1491" s="49">
        <v>17.8</v>
      </c>
      <c r="G1491" s="49">
        <v>25.5</v>
      </c>
      <c r="H1491" s="49">
        <v>20.3</v>
      </c>
      <c r="I1491" s="49">
        <v>18.899999999999999</v>
      </c>
      <c r="J1491" s="49">
        <v>8.6999999999999993</v>
      </c>
      <c r="K1491" s="49">
        <v>1.7</v>
      </c>
      <c r="L1491" s="50">
        <v>42</v>
      </c>
    </row>
    <row r="1492" spans="1:25" x14ac:dyDescent="0.2">
      <c r="B1492" s="7" t="s">
        <v>71</v>
      </c>
      <c r="C1492" s="4" t="s">
        <v>121</v>
      </c>
    </row>
    <row r="1493" spans="1:25" x14ac:dyDescent="0.2">
      <c r="B1493" s="4"/>
      <c r="C1493" s="4" t="s">
        <v>73</v>
      </c>
    </row>
    <row r="1495" spans="1:25" x14ac:dyDescent="0.2">
      <c r="C1495" t="s">
        <v>35</v>
      </c>
    </row>
    <row r="1496" spans="1:25" x14ac:dyDescent="0.2">
      <c r="B1496" s="74" t="s">
        <v>206</v>
      </c>
      <c r="C1496" s="75"/>
      <c r="D1496" s="75"/>
      <c r="E1496" s="75"/>
      <c r="F1496" s="75"/>
      <c r="G1496" s="75"/>
      <c r="H1496" s="75"/>
      <c r="I1496" s="75"/>
      <c r="J1496" s="75"/>
      <c r="K1496" s="75"/>
      <c r="L1496" s="75"/>
      <c r="M1496" s="75"/>
      <c r="N1496" s="75"/>
      <c r="O1496" s="75"/>
      <c r="P1496" s="75"/>
      <c r="Q1496" s="75"/>
      <c r="R1496" s="75"/>
      <c r="S1496" s="75"/>
      <c r="T1496" s="75"/>
      <c r="U1496" s="75"/>
      <c r="V1496" s="75"/>
      <c r="W1496" s="75"/>
      <c r="X1496" s="75"/>
      <c r="Y1496" s="75"/>
    </row>
    <row r="1497" spans="1:25" s="32" customFormat="1" ht="68.849999999999994" customHeight="1" x14ac:dyDescent="0.15">
      <c r="A1497" s="31"/>
      <c r="D1497" s="33" t="s">
        <v>242</v>
      </c>
      <c r="E1497" s="35" t="s">
        <v>308</v>
      </c>
      <c r="F1497" s="36" t="s">
        <v>309</v>
      </c>
      <c r="G1497" s="36" t="s">
        <v>310</v>
      </c>
      <c r="H1497" s="36" t="s">
        <v>311</v>
      </c>
      <c r="I1497" s="36" t="s">
        <v>312</v>
      </c>
      <c r="J1497" s="36" t="s">
        <v>313</v>
      </c>
      <c r="K1497" s="36" t="s">
        <v>314</v>
      </c>
      <c r="L1497" s="37" t="s">
        <v>306</v>
      </c>
      <c r="M1497" s="34" t="s">
        <v>251</v>
      </c>
    </row>
    <row r="1498" spans="1:25" ht="21.6" x14ac:dyDescent="0.2">
      <c r="B1498" s="76" t="s">
        <v>37</v>
      </c>
      <c r="C1498" s="38" t="s">
        <v>58</v>
      </c>
      <c r="D1498" s="51">
        <v>254</v>
      </c>
      <c r="E1498" s="52">
        <v>21.7</v>
      </c>
      <c r="F1498" s="52">
        <v>24.4</v>
      </c>
      <c r="G1498" s="52">
        <v>22.4</v>
      </c>
      <c r="H1498" s="52">
        <v>29.1</v>
      </c>
      <c r="I1498" s="52">
        <v>24.8</v>
      </c>
      <c r="J1498" s="52">
        <v>13.4</v>
      </c>
      <c r="K1498" s="52">
        <v>2.4</v>
      </c>
      <c r="L1498" s="53">
        <v>31.5</v>
      </c>
    </row>
    <row r="1499" spans="1:25" ht="21.6" x14ac:dyDescent="0.2">
      <c r="B1499" s="76"/>
      <c r="C1499" s="39" t="s">
        <v>59</v>
      </c>
      <c r="D1499" s="45">
        <v>480</v>
      </c>
      <c r="E1499" s="46">
        <v>15</v>
      </c>
      <c r="F1499" s="46">
        <v>15.6</v>
      </c>
      <c r="G1499" s="46">
        <v>22.9</v>
      </c>
      <c r="H1499" s="46">
        <v>19.2</v>
      </c>
      <c r="I1499" s="46">
        <v>20.6</v>
      </c>
      <c r="J1499" s="46">
        <v>8.3000000000000007</v>
      </c>
      <c r="K1499" s="46">
        <v>2.2999999999999998</v>
      </c>
      <c r="L1499" s="47">
        <v>45.6</v>
      </c>
    </row>
    <row r="1500" spans="1:25" x14ac:dyDescent="0.2">
      <c r="B1500" s="76"/>
      <c r="C1500" s="39" t="s">
        <v>60</v>
      </c>
      <c r="D1500" s="45">
        <v>475</v>
      </c>
      <c r="E1500" s="46">
        <v>17.100000000000001</v>
      </c>
      <c r="F1500" s="46">
        <v>19.399999999999999</v>
      </c>
      <c r="G1500" s="46">
        <v>23.6</v>
      </c>
      <c r="H1500" s="46">
        <v>24.2</v>
      </c>
      <c r="I1500" s="46">
        <v>23.8</v>
      </c>
      <c r="J1500" s="46">
        <v>12.2</v>
      </c>
      <c r="K1500" s="46">
        <v>2.7</v>
      </c>
      <c r="L1500" s="47">
        <v>37.9</v>
      </c>
    </row>
    <row r="1501" spans="1:25" x14ac:dyDescent="0.2">
      <c r="B1501" s="76"/>
      <c r="C1501" s="39" t="s">
        <v>61</v>
      </c>
      <c r="D1501" s="45">
        <v>259</v>
      </c>
      <c r="E1501" s="46">
        <v>17.8</v>
      </c>
      <c r="F1501" s="46">
        <v>17.399999999999999</v>
      </c>
      <c r="G1501" s="46">
        <v>21.2</v>
      </c>
      <c r="H1501" s="46">
        <v>19.7</v>
      </c>
      <c r="I1501" s="46">
        <v>18.899999999999999</v>
      </c>
      <c r="J1501" s="46">
        <v>6.2</v>
      </c>
      <c r="K1501" s="46">
        <v>1.5</v>
      </c>
      <c r="L1501" s="47">
        <v>45.9</v>
      </c>
    </row>
    <row r="1502" spans="1:25" x14ac:dyDescent="0.2">
      <c r="B1502" s="76"/>
      <c r="C1502" s="39" t="s">
        <v>62</v>
      </c>
      <c r="D1502" s="45">
        <v>391</v>
      </c>
      <c r="E1502" s="46">
        <v>17.399999999999999</v>
      </c>
      <c r="F1502" s="46">
        <v>17.899999999999999</v>
      </c>
      <c r="G1502" s="46">
        <v>22</v>
      </c>
      <c r="H1502" s="46">
        <v>24.6</v>
      </c>
      <c r="I1502" s="46">
        <v>19.7</v>
      </c>
      <c r="J1502" s="46">
        <v>13</v>
      </c>
      <c r="K1502" s="46">
        <v>1.3</v>
      </c>
      <c r="L1502" s="47">
        <v>38.4</v>
      </c>
    </row>
    <row r="1503" spans="1:25" ht="21.6" x14ac:dyDescent="0.2">
      <c r="B1503" s="76"/>
      <c r="C1503" s="39" t="s">
        <v>63</v>
      </c>
      <c r="D1503" s="45">
        <v>74</v>
      </c>
      <c r="E1503" s="46">
        <v>21.6</v>
      </c>
      <c r="F1503" s="46">
        <v>21.6</v>
      </c>
      <c r="G1503" s="46">
        <v>27</v>
      </c>
      <c r="H1503" s="46">
        <v>32.4</v>
      </c>
      <c r="I1503" s="46">
        <v>23</v>
      </c>
      <c r="J1503" s="46">
        <v>12.2</v>
      </c>
      <c r="K1503" s="46">
        <v>0</v>
      </c>
      <c r="L1503" s="47">
        <v>28.4</v>
      </c>
    </row>
    <row r="1504" spans="1:25" x14ac:dyDescent="0.2">
      <c r="B1504" s="76"/>
      <c r="C1504" s="39" t="s">
        <v>64</v>
      </c>
      <c r="D1504" s="45">
        <v>102</v>
      </c>
      <c r="E1504" s="46">
        <v>30.4</v>
      </c>
      <c r="F1504" s="46">
        <v>24.5</v>
      </c>
      <c r="G1504" s="46">
        <v>27.5</v>
      </c>
      <c r="H1504" s="46">
        <v>28.4</v>
      </c>
      <c r="I1504" s="46">
        <v>20.6</v>
      </c>
      <c r="J1504" s="46">
        <v>10.8</v>
      </c>
      <c r="K1504" s="46">
        <v>2</v>
      </c>
      <c r="L1504" s="47">
        <v>31.4</v>
      </c>
    </row>
    <row r="1505" spans="2:12" x14ac:dyDescent="0.2">
      <c r="B1505" s="76"/>
      <c r="C1505" s="39" t="s">
        <v>65</v>
      </c>
      <c r="D1505" s="45">
        <v>118</v>
      </c>
      <c r="E1505" s="46">
        <v>11.9</v>
      </c>
      <c r="F1505" s="46">
        <v>18.600000000000001</v>
      </c>
      <c r="G1505" s="46">
        <v>22.9</v>
      </c>
      <c r="H1505" s="46">
        <v>26.3</v>
      </c>
      <c r="I1505" s="46">
        <v>18.600000000000001</v>
      </c>
      <c r="J1505" s="46">
        <v>15.3</v>
      </c>
      <c r="K1505" s="46">
        <v>2.5</v>
      </c>
      <c r="L1505" s="47">
        <v>39.799999999999997</v>
      </c>
    </row>
    <row r="1506" spans="2:12" x14ac:dyDescent="0.2">
      <c r="B1506" s="76"/>
      <c r="C1506" s="39" t="s">
        <v>66</v>
      </c>
      <c r="D1506" s="45">
        <v>75</v>
      </c>
      <c r="E1506" s="46">
        <v>8</v>
      </c>
      <c r="F1506" s="46">
        <v>6.7</v>
      </c>
      <c r="G1506" s="46">
        <v>13.3</v>
      </c>
      <c r="H1506" s="46">
        <v>12</v>
      </c>
      <c r="I1506" s="46">
        <v>18.7</v>
      </c>
      <c r="J1506" s="46">
        <v>13.3</v>
      </c>
      <c r="K1506" s="46">
        <v>0</v>
      </c>
      <c r="L1506" s="47">
        <v>52</v>
      </c>
    </row>
    <row r="1507" spans="2:12" x14ac:dyDescent="0.2">
      <c r="B1507" s="76"/>
      <c r="C1507" s="39" t="s">
        <v>67</v>
      </c>
      <c r="D1507" s="45">
        <v>22</v>
      </c>
      <c r="E1507" s="46">
        <v>4.5</v>
      </c>
      <c r="F1507" s="46">
        <v>9.1</v>
      </c>
      <c r="G1507" s="46">
        <v>4.5</v>
      </c>
      <c r="H1507" s="46">
        <v>13.6</v>
      </c>
      <c r="I1507" s="46">
        <v>13.6</v>
      </c>
      <c r="J1507" s="46">
        <v>13.6</v>
      </c>
      <c r="K1507" s="46">
        <v>0</v>
      </c>
      <c r="L1507" s="47">
        <v>50</v>
      </c>
    </row>
    <row r="1508" spans="2:12" x14ac:dyDescent="0.2">
      <c r="B1508" s="76"/>
      <c r="C1508" s="39" t="s">
        <v>68</v>
      </c>
      <c r="D1508" s="45">
        <v>325</v>
      </c>
      <c r="E1508" s="46">
        <v>18.5</v>
      </c>
      <c r="F1508" s="46">
        <v>16.899999999999999</v>
      </c>
      <c r="G1508" s="46">
        <v>22.2</v>
      </c>
      <c r="H1508" s="46">
        <v>26.2</v>
      </c>
      <c r="I1508" s="46">
        <v>20</v>
      </c>
      <c r="J1508" s="46">
        <v>15.1</v>
      </c>
      <c r="K1508" s="46">
        <v>1.2</v>
      </c>
      <c r="L1508" s="47">
        <v>36.6</v>
      </c>
    </row>
    <row r="1509" spans="2:12" x14ac:dyDescent="0.2">
      <c r="B1509" s="76"/>
      <c r="C1509" s="39" t="s">
        <v>69</v>
      </c>
      <c r="D1509" s="45">
        <v>66</v>
      </c>
      <c r="E1509" s="46">
        <v>12.1</v>
      </c>
      <c r="F1509" s="46">
        <v>22.7</v>
      </c>
      <c r="G1509" s="46">
        <v>21.2</v>
      </c>
      <c r="H1509" s="46">
        <v>16.7</v>
      </c>
      <c r="I1509" s="46">
        <v>18.2</v>
      </c>
      <c r="J1509" s="46">
        <v>3</v>
      </c>
      <c r="K1509" s="46">
        <v>1.5</v>
      </c>
      <c r="L1509" s="47">
        <v>47</v>
      </c>
    </row>
    <row r="1510" spans="2:12" x14ac:dyDescent="0.2">
      <c r="B1510" s="76"/>
      <c r="C1510" s="39" t="s">
        <v>70</v>
      </c>
      <c r="D1510" s="45">
        <v>343</v>
      </c>
      <c r="E1510" s="46">
        <v>17.2</v>
      </c>
      <c r="F1510" s="46">
        <v>19.5</v>
      </c>
      <c r="G1510" s="46">
        <v>23.6</v>
      </c>
      <c r="H1510" s="46">
        <v>20.399999999999999</v>
      </c>
      <c r="I1510" s="46">
        <v>24.8</v>
      </c>
      <c r="J1510" s="46">
        <v>6.7</v>
      </c>
      <c r="K1510" s="46">
        <v>3.5</v>
      </c>
      <c r="L1510" s="47">
        <v>43.4</v>
      </c>
    </row>
    <row r="1511" spans="2:12" ht="21.6" x14ac:dyDescent="0.2">
      <c r="B1511" s="76"/>
      <c r="C1511" s="39" t="s">
        <v>63</v>
      </c>
      <c r="D1511" s="45">
        <v>79</v>
      </c>
      <c r="E1511" s="46">
        <v>21.5</v>
      </c>
      <c r="F1511" s="46">
        <v>25.3</v>
      </c>
      <c r="G1511" s="46">
        <v>31.6</v>
      </c>
      <c r="H1511" s="46">
        <v>27.8</v>
      </c>
      <c r="I1511" s="46">
        <v>27.8</v>
      </c>
      <c r="J1511" s="46">
        <v>10.1</v>
      </c>
      <c r="K1511" s="46">
        <v>5.0999999999999996</v>
      </c>
      <c r="L1511" s="47">
        <v>36.700000000000003</v>
      </c>
    </row>
    <row r="1512" spans="2:12" x14ac:dyDescent="0.2">
      <c r="B1512" s="76"/>
      <c r="C1512" s="39" t="s">
        <v>64</v>
      </c>
      <c r="D1512" s="45">
        <v>81</v>
      </c>
      <c r="E1512" s="46">
        <v>21</v>
      </c>
      <c r="F1512" s="46">
        <v>23.5</v>
      </c>
      <c r="G1512" s="46">
        <v>22.2</v>
      </c>
      <c r="H1512" s="46">
        <v>22.2</v>
      </c>
      <c r="I1512" s="46">
        <v>30.9</v>
      </c>
      <c r="J1512" s="46">
        <v>4.9000000000000004</v>
      </c>
      <c r="K1512" s="46">
        <v>3.7</v>
      </c>
      <c r="L1512" s="47">
        <v>39.5</v>
      </c>
    </row>
    <row r="1513" spans="2:12" x14ac:dyDescent="0.2">
      <c r="B1513" s="76"/>
      <c r="C1513" s="39" t="s">
        <v>65</v>
      </c>
      <c r="D1513" s="45">
        <v>92</v>
      </c>
      <c r="E1513" s="46">
        <v>12</v>
      </c>
      <c r="F1513" s="46">
        <v>18.5</v>
      </c>
      <c r="G1513" s="46">
        <v>22.8</v>
      </c>
      <c r="H1513" s="46">
        <v>20.7</v>
      </c>
      <c r="I1513" s="46">
        <v>21.7</v>
      </c>
      <c r="J1513" s="46">
        <v>7.6</v>
      </c>
      <c r="K1513" s="46">
        <v>1.1000000000000001</v>
      </c>
      <c r="L1513" s="47">
        <v>45.7</v>
      </c>
    </row>
    <row r="1514" spans="2:12" x14ac:dyDescent="0.2">
      <c r="B1514" s="76"/>
      <c r="C1514" s="39" t="s">
        <v>66</v>
      </c>
      <c r="D1514" s="45">
        <v>62</v>
      </c>
      <c r="E1514" s="46">
        <v>16.100000000000001</v>
      </c>
      <c r="F1514" s="46">
        <v>14.5</v>
      </c>
      <c r="G1514" s="46">
        <v>17.7</v>
      </c>
      <c r="H1514" s="46">
        <v>12.9</v>
      </c>
      <c r="I1514" s="46">
        <v>16.100000000000001</v>
      </c>
      <c r="J1514" s="46">
        <v>6.5</v>
      </c>
      <c r="K1514" s="46">
        <v>4.8</v>
      </c>
      <c r="L1514" s="47">
        <v>48.4</v>
      </c>
    </row>
    <row r="1515" spans="2:12" x14ac:dyDescent="0.2">
      <c r="B1515" s="76"/>
      <c r="C1515" s="39" t="s">
        <v>67</v>
      </c>
      <c r="D1515" s="45">
        <v>29</v>
      </c>
      <c r="E1515" s="46">
        <v>13.8</v>
      </c>
      <c r="F1515" s="46">
        <v>6.9</v>
      </c>
      <c r="G1515" s="46">
        <v>20.7</v>
      </c>
      <c r="H1515" s="46">
        <v>10.3</v>
      </c>
      <c r="I1515" s="46">
        <v>27.6</v>
      </c>
      <c r="J1515" s="46">
        <v>0</v>
      </c>
      <c r="K1515" s="46">
        <v>3.4</v>
      </c>
      <c r="L1515" s="47">
        <v>55.2</v>
      </c>
    </row>
    <row r="1516" spans="2:12" x14ac:dyDescent="0.2">
      <c r="B1516" s="76"/>
      <c r="C1516" s="39" t="s">
        <v>68</v>
      </c>
      <c r="D1516" s="45">
        <v>146</v>
      </c>
      <c r="E1516" s="46">
        <v>22.6</v>
      </c>
      <c r="F1516" s="46">
        <v>23.3</v>
      </c>
      <c r="G1516" s="46">
        <v>26.7</v>
      </c>
      <c r="H1516" s="46">
        <v>28.8</v>
      </c>
      <c r="I1516" s="46">
        <v>28.8</v>
      </c>
      <c r="J1516" s="46">
        <v>10.3</v>
      </c>
      <c r="K1516" s="46">
        <v>4.0999999999999996</v>
      </c>
      <c r="L1516" s="47">
        <v>28.8</v>
      </c>
    </row>
    <row r="1517" spans="2:12" x14ac:dyDescent="0.2">
      <c r="B1517" s="76"/>
      <c r="C1517" s="40" t="s">
        <v>69</v>
      </c>
      <c r="D1517" s="48">
        <v>197</v>
      </c>
      <c r="E1517" s="49">
        <v>13.2</v>
      </c>
      <c r="F1517" s="49">
        <v>16.8</v>
      </c>
      <c r="G1517" s="49">
        <v>21.3</v>
      </c>
      <c r="H1517" s="49">
        <v>14.2</v>
      </c>
      <c r="I1517" s="49">
        <v>21.8</v>
      </c>
      <c r="J1517" s="49">
        <v>4.0999999999999996</v>
      </c>
      <c r="K1517" s="49">
        <v>3</v>
      </c>
      <c r="L1517" s="50">
        <v>54.3</v>
      </c>
    </row>
    <row r="1518" spans="2:12" x14ac:dyDescent="0.2">
      <c r="B1518" s="7" t="s">
        <v>71</v>
      </c>
      <c r="C1518" s="4" t="s">
        <v>121</v>
      </c>
    </row>
    <row r="1519" spans="2:12" x14ac:dyDescent="0.2">
      <c r="B1519" s="4"/>
      <c r="C1519" s="4" t="s">
        <v>73</v>
      </c>
    </row>
    <row r="1521" spans="1:25" x14ac:dyDescent="0.2">
      <c r="A1521" s="26" t="s">
        <v>25</v>
      </c>
      <c r="B1521" t="s">
        <v>35</v>
      </c>
      <c r="C1521" t="s">
        <v>35</v>
      </c>
    </row>
    <row r="1522" spans="1:25" x14ac:dyDescent="0.2">
      <c r="B1522" s="74" t="s">
        <v>122</v>
      </c>
      <c r="C1522" s="75"/>
      <c r="D1522" s="75"/>
      <c r="E1522" s="75"/>
      <c r="F1522" s="75"/>
      <c r="G1522" s="75"/>
      <c r="H1522" s="75"/>
      <c r="I1522" s="75"/>
      <c r="J1522" s="75"/>
      <c r="K1522" s="75"/>
      <c r="L1522" s="75"/>
      <c r="M1522" s="75"/>
      <c r="N1522" s="75"/>
      <c r="O1522" s="75"/>
      <c r="P1522" s="75"/>
      <c r="Q1522" s="75"/>
      <c r="R1522" s="75"/>
      <c r="S1522" s="75"/>
      <c r="T1522" s="75"/>
      <c r="U1522" s="75"/>
      <c r="V1522" s="75"/>
      <c r="W1522" s="75"/>
      <c r="X1522" s="75"/>
      <c r="Y1522" s="75"/>
    </row>
    <row r="1523" spans="1:25" s="32" customFormat="1" ht="58.05" customHeight="1" x14ac:dyDescent="0.15">
      <c r="A1523" s="31"/>
      <c r="D1523" s="33" t="s">
        <v>242</v>
      </c>
      <c r="E1523" s="35" t="s">
        <v>315</v>
      </c>
      <c r="F1523" s="36" t="s">
        <v>316</v>
      </c>
      <c r="G1523" s="36" t="s">
        <v>317</v>
      </c>
      <c r="H1523" s="36" t="s">
        <v>318</v>
      </c>
      <c r="I1523" s="36" t="s">
        <v>319</v>
      </c>
      <c r="J1523" s="36" t="s">
        <v>320</v>
      </c>
      <c r="K1523" s="36" t="s">
        <v>321</v>
      </c>
      <c r="L1523" s="36" t="s">
        <v>322</v>
      </c>
      <c r="M1523" s="37" t="s">
        <v>323</v>
      </c>
      <c r="N1523" s="34" t="s">
        <v>251</v>
      </c>
    </row>
    <row r="1524" spans="1:25" x14ac:dyDescent="0.2">
      <c r="B1524" s="5"/>
      <c r="C1524" s="41" t="s">
        <v>38</v>
      </c>
      <c r="D1524" s="42">
        <v>2000</v>
      </c>
      <c r="E1524" s="43">
        <v>17</v>
      </c>
      <c r="F1524" s="43">
        <v>6.7</v>
      </c>
      <c r="G1524" s="43">
        <v>2.4</v>
      </c>
      <c r="H1524" s="43">
        <v>1.9</v>
      </c>
      <c r="I1524" s="43">
        <v>1.1000000000000001</v>
      </c>
      <c r="J1524" s="43">
        <v>4.5999999999999996</v>
      </c>
      <c r="K1524" s="43">
        <v>0.9</v>
      </c>
      <c r="L1524" s="43">
        <v>0.7</v>
      </c>
      <c r="M1524" s="44">
        <v>64.900000000000006</v>
      </c>
    </row>
    <row r="1525" spans="1:25" x14ac:dyDescent="0.2">
      <c r="B1525" s="76" t="s">
        <v>37</v>
      </c>
      <c r="C1525" s="39" t="s">
        <v>39</v>
      </c>
      <c r="D1525" s="45">
        <v>111</v>
      </c>
      <c r="E1525" s="46">
        <v>15.3</v>
      </c>
      <c r="F1525" s="46">
        <v>4.5</v>
      </c>
      <c r="G1525" s="46">
        <v>3.6</v>
      </c>
      <c r="H1525" s="46">
        <v>0.9</v>
      </c>
      <c r="I1525" s="46">
        <v>1.8</v>
      </c>
      <c r="J1525" s="46">
        <v>0.9</v>
      </c>
      <c r="K1525" s="46">
        <v>0</v>
      </c>
      <c r="L1525" s="46">
        <v>0.9</v>
      </c>
      <c r="M1525" s="47">
        <v>72.099999999999994</v>
      </c>
    </row>
    <row r="1526" spans="1:25" x14ac:dyDescent="0.2">
      <c r="B1526" s="76"/>
      <c r="C1526" s="39" t="s">
        <v>40</v>
      </c>
      <c r="D1526" s="45">
        <v>450</v>
      </c>
      <c r="E1526" s="46">
        <v>19.100000000000001</v>
      </c>
      <c r="F1526" s="46">
        <v>8</v>
      </c>
      <c r="G1526" s="46">
        <v>2</v>
      </c>
      <c r="H1526" s="46">
        <v>1.3</v>
      </c>
      <c r="I1526" s="46">
        <v>1.3</v>
      </c>
      <c r="J1526" s="46">
        <v>5.3</v>
      </c>
      <c r="K1526" s="46">
        <v>0</v>
      </c>
      <c r="L1526" s="46">
        <v>0.2</v>
      </c>
      <c r="M1526" s="47">
        <v>62.7</v>
      </c>
    </row>
    <row r="1527" spans="1:25" ht="21.6" x14ac:dyDescent="0.2">
      <c r="B1527" s="76"/>
      <c r="C1527" s="39" t="s">
        <v>41</v>
      </c>
      <c r="D1527" s="45">
        <v>30</v>
      </c>
      <c r="E1527" s="46">
        <v>13.3</v>
      </c>
      <c r="F1527" s="46">
        <v>3.3</v>
      </c>
      <c r="G1527" s="46">
        <v>3.3</v>
      </c>
      <c r="H1527" s="46">
        <v>3.3</v>
      </c>
      <c r="I1527" s="46">
        <v>3.3</v>
      </c>
      <c r="J1527" s="46">
        <v>3.3</v>
      </c>
      <c r="K1527" s="46">
        <v>0</v>
      </c>
      <c r="L1527" s="46">
        <v>0</v>
      </c>
      <c r="M1527" s="47">
        <v>70</v>
      </c>
    </row>
    <row r="1528" spans="1:25" ht="21.6" x14ac:dyDescent="0.2">
      <c r="B1528" s="76"/>
      <c r="C1528" s="39" t="s">
        <v>42</v>
      </c>
      <c r="D1528" s="45">
        <v>336</v>
      </c>
      <c r="E1528" s="46">
        <v>15.8</v>
      </c>
      <c r="F1528" s="46">
        <v>5.4</v>
      </c>
      <c r="G1528" s="46">
        <v>2.4</v>
      </c>
      <c r="H1528" s="46">
        <v>2.1</v>
      </c>
      <c r="I1528" s="46">
        <v>0.6</v>
      </c>
      <c r="J1528" s="46">
        <v>6</v>
      </c>
      <c r="K1528" s="46">
        <v>1.5</v>
      </c>
      <c r="L1528" s="46">
        <v>1.2</v>
      </c>
      <c r="M1528" s="47">
        <v>65.2</v>
      </c>
    </row>
    <row r="1529" spans="1:25" ht="21.6" x14ac:dyDescent="0.2">
      <c r="B1529" s="76"/>
      <c r="C1529" s="39" t="s">
        <v>43</v>
      </c>
      <c r="D1529" s="45">
        <v>327</v>
      </c>
      <c r="E1529" s="46">
        <v>19.3</v>
      </c>
      <c r="F1529" s="46">
        <v>6.4</v>
      </c>
      <c r="G1529" s="46">
        <v>3.4</v>
      </c>
      <c r="H1529" s="46">
        <v>2.1</v>
      </c>
      <c r="I1529" s="46">
        <v>0.6</v>
      </c>
      <c r="J1529" s="46">
        <v>3.4</v>
      </c>
      <c r="K1529" s="46">
        <v>0.3</v>
      </c>
      <c r="L1529" s="46">
        <v>1.2</v>
      </c>
      <c r="M1529" s="47">
        <v>63.3</v>
      </c>
    </row>
    <row r="1530" spans="1:25" ht="21.6" x14ac:dyDescent="0.2">
      <c r="B1530" s="76"/>
      <c r="C1530" s="39" t="s">
        <v>44</v>
      </c>
      <c r="D1530" s="45">
        <v>181</v>
      </c>
      <c r="E1530" s="46">
        <v>11</v>
      </c>
      <c r="F1530" s="46">
        <v>3.9</v>
      </c>
      <c r="G1530" s="46">
        <v>1.7</v>
      </c>
      <c r="H1530" s="46">
        <v>1.7</v>
      </c>
      <c r="I1530" s="46">
        <v>0.6</v>
      </c>
      <c r="J1530" s="46">
        <v>4.4000000000000004</v>
      </c>
      <c r="K1530" s="46">
        <v>1.7</v>
      </c>
      <c r="L1530" s="46">
        <v>0.6</v>
      </c>
      <c r="M1530" s="47">
        <v>74.599999999999994</v>
      </c>
    </row>
    <row r="1531" spans="1:25" ht="21.6" x14ac:dyDescent="0.2">
      <c r="B1531" s="76"/>
      <c r="C1531" s="39" t="s">
        <v>45</v>
      </c>
      <c r="D1531" s="45">
        <v>565</v>
      </c>
      <c r="E1531" s="46">
        <v>17</v>
      </c>
      <c r="F1531" s="46">
        <v>8.1</v>
      </c>
      <c r="G1531" s="46">
        <v>2.1</v>
      </c>
      <c r="H1531" s="46">
        <v>2.1</v>
      </c>
      <c r="I1531" s="46">
        <v>1.4</v>
      </c>
      <c r="J1531" s="46">
        <v>4.8</v>
      </c>
      <c r="K1531" s="46">
        <v>1.4</v>
      </c>
      <c r="L1531" s="46">
        <v>0.5</v>
      </c>
      <c r="M1531" s="47">
        <v>62.5</v>
      </c>
    </row>
    <row r="1532" spans="1:25" ht="21.6" x14ac:dyDescent="0.2">
      <c r="B1532" s="76"/>
      <c r="C1532" s="39" t="s">
        <v>46</v>
      </c>
      <c r="D1532" s="45">
        <v>473</v>
      </c>
      <c r="E1532" s="46">
        <v>17.8</v>
      </c>
      <c r="F1532" s="46">
        <v>9.5</v>
      </c>
      <c r="G1532" s="46">
        <v>3.8</v>
      </c>
      <c r="H1532" s="46">
        <v>2.7</v>
      </c>
      <c r="I1532" s="46">
        <v>1.5</v>
      </c>
      <c r="J1532" s="46">
        <v>5.3</v>
      </c>
      <c r="K1532" s="46">
        <v>1.3</v>
      </c>
      <c r="L1532" s="46">
        <v>1.1000000000000001</v>
      </c>
      <c r="M1532" s="47">
        <v>57.1</v>
      </c>
    </row>
    <row r="1533" spans="1:25" ht="21.6" x14ac:dyDescent="0.2">
      <c r="B1533" s="76"/>
      <c r="C1533" s="39" t="s">
        <v>47</v>
      </c>
      <c r="D1533" s="45">
        <v>441</v>
      </c>
      <c r="E1533" s="46">
        <v>17.5</v>
      </c>
      <c r="F1533" s="46">
        <v>7</v>
      </c>
      <c r="G1533" s="46">
        <v>2.2999999999999998</v>
      </c>
      <c r="H1533" s="46">
        <v>1.4</v>
      </c>
      <c r="I1533" s="46">
        <v>0.9</v>
      </c>
      <c r="J1533" s="46">
        <v>4.0999999999999996</v>
      </c>
      <c r="K1533" s="46">
        <v>0.7</v>
      </c>
      <c r="L1533" s="46">
        <v>0</v>
      </c>
      <c r="M1533" s="47">
        <v>66.2</v>
      </c>
    </row>
    <row r="1534" spans="1:25" ht="21.6" x14ac:dyDescent="0.2">
      <c r="B1534" s="76"/>
      <c r="C1534" s="39" t="s">
        <v>48</v>
      </c>
      <c r="D1534" s="45">
        <v>305</v>
      </c>
      <c r="E1534" s="46">
        <v>21.6</v>
      </c>
      <c r="F1534" s="46">
        <v>6.6</v>
      </c>
      <c r="G1534" s="46">
        <v>2</v>
      </c>
      <c r="H1534" s="46">
        <v>2.2999999999999998</v>
      </c>
      <c r="I1534" s="46">
        <v>1</v>
      </c>
      <c r="J1534" s="46">
        <v>4.5999999999999996</v>
      </c>
      <c r="K1534" s="46">
        <v>0.3</v>
      </c>
      <c r="L1534" s="46">
        <v>0.3</v>
      </c>
      <c r="M1534" s="47">
        <v>61.3</v>
      </c>
    </row>
    <row r="1535" spans="1:25" ht="21.6" x14ac:dyDescent="0.2">
      <c r="B1535" s="76"/>
      <c r="C1535" s="39" t="s">
        <v>49</v>
      </c>
      <c r="D1535" s="45">
        <v>223</v>
      </c>
      <c r="E1535" s="46">
        <v>14.3</v>
      </c>
      <c r="F1535" s="46">
        <v>3.1</v>
      </c>
      <c r="G1535" s="46">
        <v>2.7</v>
      </c>
      <c r="H1535" s="46">
        <v>1.8</v>
      </c>
      <c r="I1535" s="46">
        <v>2.2000000000000002</v>
      </c>
      <c r="J1535" s="46">
        <v>4.5</v>
      </c>
      <c r="K1535" s="46">
        <v>0.9</v>
      </c>
      <c r="L1535" s="46">
        <v>0.9</v>
      </c>
      <c r="M1535" s="47">
        <v>69.5</v>
      </c>
    </row>
    <row r="1536" spans="1:25" ht="21.6" x14ac:dyDescent="0.2">
      <c r="B1536" s="76"/>
      <c r="C1536" s="39" t="s">
        <v>50</v>
      </c>
      <c r="D1536" s="45">
        <v>123</v>
      </c>
      <c r="E1536" s="46">
        <v>10.6</v>
      </c>
      <c r="F1536" s="46">
        <v>9.8000000000000007</v>
      </c>
      <c r="G1536" s="46">
        <v>0.8</v>
      </c>
      <c r="H1536" s="46">
        <v>0</v>
      </c>
      <c r="I1536" s="46">
        <v>0</v>
      </c>
      <c r="J1536" s="46">
        <v>4.0999999999999996</v>
      </c>
      <c r="K1536" s="46">
        <v>1.6</v>
      </c>
      <c r="L1536" s="46">
        <v>0.8</v>
      </c>
      <c r="M1536" s="47">
        <v>72.400000000000006</v>
      </c>
    </row>
    <row r="1537" spans="1:25" ht="21.6" x14ac:dyDescent="0.2">
      <c r="B1537" s="76"/>
      <c r="C1537" s="39" t="s">
        <v>51</v>
      </c>
      <c r="D1537" s="45">
        <v>124</v>
      </c>
      <c r="E1537" s="46">
        <v>14.5</v>
      </c>
      <c r="F1537" s="46">
        <v>2.4</v>
      </c>
      <c r="G1537" s="46">
        <v>1.6</v>
      </c>
      <c r="H1537" s="46">
        <v>2.4</v>
      </c>
      <c r="I1537" s="46">
        <v>0.8</v>
      </c>
      <c r="J1537" s="46">
        <v>7.3</v>
      </c>
      <c r="K1537" s="46">
        <v>0</v>
      </c>
      <c r="L1537" s="46">
        <v>0.8</v>
      </c>
      <c r="M1537" s="47">
        <v>70.2</v>
      </c>
    </row>
    <row r="1538" spans="1:25" ht="21.6" x14ac:dyDescent="0.2">
      <c r="B1538" s="76"/>
      <c r="C1538" s="39" t="s">
        <v>52</v>
      </c>
      <c r="D1538" s="45">
        <v>312</v>
      </c>
      <c r="E1538" s="46">
        <v>15.7</v>
      </c>
      <c r="F1538" s="46">
        <v>5.0999999999999996</v>
      </c>
      <c r="G1538" s="46">
        <v>1.9</v>
      </c>
      <c r="H1538" s="46">
        <v>3.5</v>
      </c>
      <c r="I1538" s="46">
        <v>1.9</v>
      </c>
      <c r="J1538" s="46">
        <v>5.0999999999999996</v>
      </c>
      <c r="K1538" s="46">
        <v>0.3</v>
      </c>
      <c r="L1538" s="46">
        <v>0.3</v>
      </c>
      <c r="M1538" s="47">
        <v>66</v>
      </c>
    </row>
    <row r="1539" spans="1:25" x14ac:dyDescent="0.2">
      <c r="B1539" s="76"/>
      <c r="C1539" s="39" t="s">
        <v>53</v>
      </c>
      <c r="D1539" s="45">
        <v>269</v>
      </c>
      <c r="E1539" s="46">
        <v>19.7</v>
      </c>
      <c r="F1539" s="46">
        <v>9.6999999999999993</v>
      </c>
      <c r="G1539" s="46">
        <v>3.3</v>
      </c>
      <c r="H1539" s="46">
        <v>1.9</v>
      </c>
      <c r="I1539" s="46">
        <v>0.7</v>
      </c>
      <c r="J1539" s="46">
        <v>4.5</v>
      </c>
      <c r="K1539" s="46">
        <v>0.7</v>
      </c>
      <c r="L1539" s="46">
        <v>0</v>
      </c>
      <c r="M1539" s="47">
        <v>59.5</v>
      </c>
    </row>
    <row r="1540" spans="1:25" ht="21.6" x14ac:dyDescent="0.2">
      <c r="B1540" s="76"/>
      <c r="C1540" s="39" t="s">
        <v>54</v>
      </c>
      <c r="D1540" s="45">
        <v>511</v>
      </c>
      <c r="E1540" s="46">
        <v>17.2</v>
      </c>
      <c r="F1540" s="46">
        <v>8</v>
      </c>
      <c r="G1540" s="46">
        <v>2.2999999999999998</v>
      </c>
      <c r="H1540" s="46">
        <v>1.6</v>
      </c>
      <c r="I1540" s="46">
        <v>1</v>
      </c>
      <c r="J1540" s="46">
        <v>4.9000000000000004</v>
      </c>
      <c r="K1540" s="46">
        <v>0.8</v>
      </c>
      <c r="L1540" s="46">
        <v>0.8</v>
      </c>
      <c r="M1540" s="47">
        <v>63.4</v>
      </c>
    </row>
    <row r="1541" spans="1:25" ht="21.6" x14ac:dyDescent="0.2">
      <c r="B1541" s="76"/>
      <c r="C1541" s="39" t="s">
        <v>55</v>
      </c>
      <c r="D1541" s="45">
        <v>615</v>
      </c>
      <c r="E1541" s="46">
        <v>16.399999999999999</v>
      </c>
      <c r="F1541" s="46">
        <v>6</v>
      </c>
      <c r="G1541" s="46">
        <v>1.3</v>
      </c>
      <c r="H1541" s="46">
        <v>1.6</v>
      </c>
      <c r="I1541" s="46">
        <v>0.5</v>
      </c>
      <c r="J1541" s="46">
        <v>5.5</v>
      </c>
      <c r="K1541" s="46">
        <v>0.7</v>
      </c>
      <c r="L1541" s="46">
        <v>0.8</v>
      </c>
      <c r="M1541" s="47">
        <v>67.2</v>
      </c>
    </row>
    <row r="1542" spans="1:25" ht="21.6" x14ac:dyDescent="0.2">
      <c r="B1542" s="76"/>
      <c r="C1542" s="39" t="s">
        <v>56</v>
      </c>
      <c r="D1542" s="45">
        <v>800</v>
      </c>
      <c r="E1542" s="46">
        <v>18</v>
      </c>
      <c r="F1542" s="46">
        <v>7.3</v>
      </c>
      <c r="G1542" s="46">
        <v>2.5</v>
      </c>
      <c r="H1542" s="46">
        <v>1.9</v>
      </c>
      <c r="I1542" s="46">
        <v>1.1000000000000001</v>
      </c>
      <c r="J1542" s="46">
        <v>5.4</v>
      </c>
      <c r="K1542" s="46">
        <v>0.6</v>
      </c>
      <c r="L1542" s="46">
        <v>0.6</v>
      </c>
      <c r="M1542" s="47">
        <v>62.6</v>
      </c>
    </row>
    <row r="1543" spans="1:25" x14ac:dyDescent="0.2">
      <c r="B1543" s="76"/>
      <c r="C1543" s="40" t="s">
        <v>57</v>
      </c>
      <c r="D1543" s="48">
        <v>798</v>
      </c>
      <c r="E1543" s="49">
        <v>16.899999999999999</v>
      </c>
      <c r="F1543" s="49">
        <v>6.4</v>
      </c>
      <c r="G1543" s="49">
        <v>2.2999999999999998</v>
      </c>
      <c r="H1543" s="49">
        <v>1.9</v>
      </c>
      <c r="I1543" s="49">
        <v>0.9</v>
      </c>
      <c r="J1543" s="49">
        <v>4.8</v>
      </c>
      <c r="K1543" s="49">
        <v>0.8</v>
      </c>
      <c r="L1543" s="49">
        <v>0.4</v>
      </c>
      <c r="M1543" s="50">
        <v>65.8</v>
      </c>
    </row>
    <row r="1544" spans="1:25" x14ac:dyDescent="0.2">
      <c r="B1544" s="7" t="s">
        <v>71</v>
      </c>
      <c r="C1544" s="4" t="s">
        <v>123</v>
      </c>
    </row>
    <row r="1545" spans="1:25" x14ac:dyDescent="0.2">
      <c r="B1545" s="4"/>
      <c r="C1545" s="4" t="s">
        <v>73</v>
      </c>
    </row>
    <row r="1547" spans="1:25" x14ac:dyDescent="0.2">
      <c r="C1547" t="s">
        <v>35</v>
      </c>
    </row>
    <row r="1548" spans="1:25" x14ac:dyDescent="0.2">
      <c r="B1548" s="74" t="s">
        <v>207</v>
      </c>
      <c r="C1548" s="75"/>
      <c r="D1548" s="75"/>
      <c r="E1548" s="75"/>
      <c r="F1548" s="75"/>
      <c r="G1548" s="75"/>
      <c r="H1548" s="75"/>
      <c r="I1548" s="75"/>
      <c r="J1548" s="75"/>
      <c r="K1548" s="75"/>
      <c r="L1548" s="75"/>
      <c r="M1548" s="75"/>
      <c r="N1548" s="75"/>
      <c r="O1548" s="75"/>
      <c r="P1548" s="75"/>
      <c r="Q1548" s="75"/>
      <c r="R1548" s="75"/>
      <c r="S1548" s="75"/>
      <c r="T1548" s="75"/>
      <c r="U1548" s="75"/>
      <c r="V1548" s="75"/>
      <c r="W1548" s="75"/>
      <c r="X1548" s="75"/>
      <c r="Y1548" s="75"/>
    </row>
    <row r="1549" spans="1:25" s="32" customFormat="1" ht="58.05" customHeight="1" x14ac:dyDescent="0.15">
      <c r="A1549" s="31"/>
      <c r="D1549" s="33" t="s">
        <v>242</v>
      </c>
      <c r="E1549" s="35" t="s">
        <v>315</v>
      </c>
      <c r="F1549" s="36" t="s">
        <v>316</v>
      </c>
      <c r="G1549" s="36" t="s">
        <v>317</v>
      </c>
      <c r="H1549" s="36" t="s">
        <v>318</v>
      </c>
      <c r="I1549" s="36" t="s">
        <v>319</v>
      </c>
      <c r="J1549" s="36" t="s">
        <v>320</v>
      </c>
      <c r="K1549" s="36" t="s">
        <v>321</v>
      </c>
      <c r="L1549" s="36" t="s">
        <v>322</v>
      </c>
      <c r="M1549" s="37" t="s">
        <v>323</v>
      </c>
      <c r="N1549" s="34" t="s">
        <v>251</v>
      </c>
    </row>
    <row r="1550" spans="1:25" ht="21.6" x14ac:dyDescent="0.2">
      <c r="B1550" s="76" t="s">
        <v>37</v>
      </c>
      <c r="C1550" s="38" t="s">
        <v>58</v>
      </c>
      <c r="D1550" s="51">
        <v>609</v>
      </c>
      <c r="E1550" s="52">
        <v>19.5</v>
      </c>
      <c r="F1550" s="52">
        <v>8.9</v>
      </c>
      <c r="G1550" s="52">
        <v>3</v>
      </c>
      <c r="H1550" s="52">
        <v>2.8</v>
      </c>
      <c r="I1550" s="52">
        <v>1.3</v>
      </c>
      <c r="J1550" s="52">
        <v>5.6</v>
      </c>
      <c r="K1550" s="52">
        <v>0.8</v>
      </c>
      <c r="L1550" s="52">
        <v>0.7</v>
      </c>
      <c r="M1550" s="53">
        <v>57.5</v>
      </c>
    </row>
    <row r="1551" spans="1:25" ht="21.6" x14ac:dyDescent="0.2">
      <c r="B1551" s="76"/>
      <c r="C1551" s="39" t="s">
        <v>59</v>
      </c>
      <c r="D1551" s="45">
        <v>1391</v>
      </c>
      <c r="E1551" s="46">
        <v>15.8</v>
      </c>
      <c r="F1551" s="46">
        <v>5.8</v>
      </c>
      <c r="G1551" s="46">
        <v>2.2000000000000002</v>
      </c>
      <c r="H1551" s="46">
        <v>1.4</v>
      </c>
      <c r="I1551" s="46">
        <v>1</v>
      </c>
      <c r="J1551" s="46">
        <v>4.2</v>
      </c>
      <c r="K1551" s="46">
        <v>0.9</v>
      </c>
      <c r="L1551" s="46">
        <v>0.7</v>
      </c>
      <c r="M1551" s="47">
        <v>68.099999999999994</v>
      </c>
    </row>
    <row r="1552" spans="1:25" x14ac:dyDescent="0.2">
      <c r="B1552" s="76"/>
      <c r="C1552" s="39" t="s">
        <v>60</v>
      </c>
      <c r="D1552" s="45">
        <v>1325</v>
      </c>
      <c r="E1552" s="46">
        <v>15.5</v>
      </c>
      <c r="F1552" s="46">
        <v>7.4</v>
      </c>
      <c r="G1552" s="46">
        <v>2.2999999999999998</v>
      </c>
      <c r="H1552" s="46">
        <v>1.4</v>
      </c>
      <c r="I1552" s="46">
        <v>1</v>
      </c>
      <c r="J1552" s="46">
        <v>5.2</v>
      </c>
      <c r="K1552" s="46">
        <v>0.8</v>
      </c>
      <c r="L1552" s="46">
        <v>0.8</v>
      </c>
      <c r="M1552" s="47">
        <v>65.5</v>
      </c>
    </row>
    <row r="1553" spans="2:13" x14ac:dyDescent="0.2">
      <c r="B1553" s="76"/>
      <c r="C1553" s="39" t="s">
        <v>61</v>
      </c>
      <c r="D1553" s="45">
        <v>675</v>
      </c>
      <c r="E1553" s="46">
        <v>19.7</v>
      </c>
      <c r="F1553" s="46">
        <v>5.3</v>
      </c>
      <c r="G1553" s="46">
        <v>2.5</v>
      </c>
      <c r="H1553" s="46">
        <v>2.7</v>
      </c>
      <c r="I1553" s="46">
        <v>1.3</v>
      </c>
      <c r="J1553" s="46">
        <v>3.4</v>
      </c>
      <c r="K1553" s="46">
        <v>0.9</v>
      </c>
      <c r="L1553" s="46">
        <v>0.6</v>
      </c>
      <c r="M1553" s="47">
        <v>63.6</v>
      </c>
    </row>
    <row r="1554" spans="2:13" x14ac:dyDescent="0.2">
      <c r="B1554" s="76"/>
      <c r="C1554" s="39" t="s">
        <v>62</v>
      </c>
      <c r="D1554" s="45">
        <v>1086</v>
      </c>
      <c r="E1554" s="46">
        <v>16.5</v>
      </c>
      <c r="F1554" s="46">
        <v>7.2</v>
      </c>
      <c r="G1554" s="46">
        <v>2.1</v>
      </c>
      <c r="H1554" s="46">
        <v>1.7</v>
      </c>
      <c r="I1554" s="46">
        <v>1.3</v>
      </c>
      <c r="J1554" s="46">
        <v>4.5999999999999996</v>
      </c>
      <c r="K1554" s="46">
        <v>0.8</v>
      </c>
      <c r="L1554" s="46">
        <v>0.6</v>
      </c>
      <c r="M1554" s="47">
        <v>65.099999999999994</v>
      </c>
    </row>
    <row r="1555" spans="2:13" ht="21.6" x14ac:dyDescent="0.2">
      <c r="B1555" s="76"/>
      <c r="C1555" s="39" t="s">
        <v>63</v>
      </c>
      <c r="D1555" s="45">
        <v>203</v>
      </c>
      <c r="E1555" s="46">
        <v>9.4</v>
      </c>
      <c r="F1555" s="46">
        <v>8.9</v>
      </c>
      <c r="G1555" s="46">
        <v>3</v>
      </c>
      <c r="H1555" s="46">
        <v>3</v>
      </c>
      <c r="I1555" s="46">
        <v>2</v>
      </c>
      <c r="J1555" s="46">
        <v>5.9</v>
      </c>
      <c r="K1555" s="46">
        <v>1</v>
      </c>
      <c r="L1555" s="46">
        <v>2.5</v>
      </c>
      <c r="M1555" s="47">
        <v>64.5</v>
      </c>
    </row>
    <row r="1556" spans="2:13" x14ac:dyDescent="0.2">
      <c r="B1556" s="76"/>
      <c r="C1556" s="39" t="s">
        <v>64</v>
      </c>
      <c r="D1556" s="45">
        <v>263</v>
      </c>
      <c r="E1556" s="46">
        <v>17.5</v>
      </c>
      <c r="F1556" s="46">
        <v>9.5</v>
      </c>
      <c r="G1556" s="46">
        <v>3.4</v>
      </c>
      <c r="H1556" s="46">
        <v>1.5</v>
      </c>
      <c r="I1556" s="46">
        <v>1.5</v>
      </c>
      <c r="J1556" s="46">
        <v>4.9000000000000004</v>
      </c>
      <c r="K1556" s="46">
        <v>1.5</v>
      </c>
      <c r="L1556" s="46">
        <v>0.4</v>
      </c>
      <c r="M1556" s="47">
        <v>59.7</v>
      </c>
    </row>
    <row r="1557" spans="2:13" x14ac:dyDescent="0.2">
      <c r="B1557" s="76"/>
      <c r="C1557" s="39" t="s">
        <v>65</v>
      </c>
      <c r="D1557" s="45">
        <v>312</v>
      </c>
      <c r="E1557" s="46">
        <v>19.600000000000001</v>
      </c>
      <c r="F1557" s="46">
        <v>5.8</v>
      </c>
      <c r="G1557" s="46">
        <v>1</v>
      </c>
      <c r="H1557" s="46">
        <v>2.6</v>
      </c>
      <c r="I1557" s="46">
        <v>1.6</v>
      </c>
      <c r="J1557" s="46">
        <v>5.8</v>
      </c>
      <c r="K1557" s="46">
        <v>1</v>
      </c>
      <c r="L1557" s="46">
        <v>0.3</v>
      </c>
      <c r="M1557" s="47">
        <v>62.5</v>
      </c>
    </row>
    <row r="1558" spans="2:13" x14ac:dyDescent="0.2">
      <c r="B1558" s="76"/>
      <c r="C1558" s="39" t="s">
        <v>66</v>
      </c>
      <c r="D1558" s="45">
        <v>230</v>
      </c>
      <c r="E1558" s="46">
        <v>18.3</v>
      </c>
      <c r="F1558" s="46">
        <v>6.1</v>
      </c>
      <c r="G1558" s="46">
        <v>0.9</v>
      </c>
      <c r="H1558" s="46">
        <v>0.4</v>
      </c>
      <c r="I1558" s="46">
        <v>0</v>
      </c>
      <c r="J1558" s="46">
        <v>2.2000000000000002</v>
      </c>
      <c r="K1558" s="46">
        <v>0</v>
      </c>
      <c r="L1558" s="46">
        <v>0</v>
      </c>
      <c r="M1558" s="47">
        <v>72.2</v>
      </c>
    </row>
    <row r="1559" spans="2:13" x14ac:dyDescent="0.2">
      <c r="B1559" s="76"/>
      <c r="C1559" s="39" t="s">
        <v>67</v>
      </c>
      <c r="D1559" s="45">
        <v>78</v>
      </c>
      <c r="E1559" s="46">
        <v>14.1</v>
      </c>
      <c r="F1559" s="46">
        <v>3.8</v>
      </c>
      <c r="G1559" s="46">
        <v>3.8</v>
      </c>
      <c r="H1559" s="46">
        <v>0</v>
      </c>
      <c r="I1559" s="46">
        <v>1.3</v>
      </c>
      <c r="J1559" s="46">
        <v>2.6</v>
      </c>
      <c r="K1559" s="46">
        <v>0</v>
      </c>
      <c r="L1559" s="46">
        <v>0</v>
      </c>
      <c r="M1559" s="47">
        <v>74.400000000000006</v>
      </c>
    </row>
    <row r="1560" spans="2:13" x14ac:dyDescent="0.2">
      <c r="B1560" s="76"/>
      <c r="C1560" s="39" t="s">
        <v>68</v>
      </c>
      <c r="D1560" s="45">
        <v>897</v>
      </c>
      <c r="E1560" s="46">
        <v>16.8</v>
      </c>
      <c r="F1560" s="46">
        <v>7</v>
      </c>
      <c r="G1560" s="46">
        <v>1.8</v>
      </c>
      <c r="H1560" s="46">
        <v>2</v>
      </c>
      <c r="I1560" s="46">
        <v>1.1000000000000001</v>
      </c>
      <c r="J1560" s="46">
        <v>4.5999999999999996</v>
      </c>
      <c r="K1560" s="46">
        <v>0.9</v>
      </c>
      <c r="L1560" s="46">
        <v>0.6</v>
      </c>
      <c r="M1560" s="47">
        <v>65.2</v>
      </c>
    </row>
    <row r="1561" spans="2:13" x14ac:dyDescent="0.2">
      <c r="B1561" s="76"/>
      <c r="C1561" s="39" t="s">
        <v>69</v>
      </c>
      <c r="D1561" s="45">
        <v>189</v>
      </c>
      <c r="E1561" s="46">
        <v>14.8</v>
      </c>
      <c r="F1561" s="46">
        <v>7.9</v>
      </c>
      <c r="G1561" s="46">
        <v>3.7</v>
      </c>
      <c r="H1561" s="46">
        <v>0.5</v>
      </c>
      <c r="I1561" s="46">
        <v>2.1</v>
      </c>
      <c r="J1561" s="46">
        <v>4.8</v>
      </c>
      <c r="K1561" s="46">
        <v>0.5</v>
      </c>
      <c r="L1561" s="46">
        <v>1.1000000000000001</v>
      </c>
      <c r="M1561" s="47">
        <v>64.599999999999994</v>
      </c>
    </row>
    <row r="1562" spans="2:13" x14ac:dyDescent="0.2">
      <c r="B1562" s="76"/>
      <c r="C1562" s="39" t="s">
        <v>70</v>
      </c>
      <c r="D1562" s="45">
        <v>914</v>
      </c>
      <c r="E1562" s="46">
        <v>17.5</v>
      </c>
      <c r="F1562" s="46">
        <v>6.1</v>
      </c>
      <c r="G1562" s="46">
        <v>2.7</v>
      </c>
      <c r="H1562" s="46">
        <v>2</v>
      </c>
      <c r="I1562" s="46">
        <v>0.9</v>
      </c>
      <c r="J1562" s="46">
        <v>4.5999999999999996</v>
      </c>
      <c r="K1562" s="46">
        <v>0.9</v>
      </c>
      <c r="L1562" s="46">
        <v>0.8</v>
      </c>
      <c r="M1562" s="47">
        <v>64.599999999999994</v>
      </c>
    </row>
    <row r="1563" spans="2:13" ht="21.6" x14ac:dyDescent="0.2">
      <c r="B1563" s="76"/>
      <c r="C1563" s="39" t="s">
        <v>63</v>
      </c>
      <c r="D1563" s="45">
        <v>193</v>
      </c>
      <c r="E1563" s="46">
        <v>18.7</v>
      </c>
      <c r="F1563" s="46">
        <v>5.2</v>
      </c>
      <c r="G1563" s="46">
        <v>4.7</v>
      </c>
      <c r="H1563" s="46">
        <v>1.6</v>
      </c>
      <c r="I1563" s="46">
        <v>2.1</v>
      </c>
      <c r="J1563" s="46">
        <v>4.0999999999999996</v>
      </c>
      <c r="K1563" s="46">
        <v>3.1</v>
      </c>
      <c r="L1563" s="46">
        <v>1.6</v>
      </c>
      <c r="M1563" s="47">
        <v>59.1</v>
      </c>
    </row>
    <row r="1564" spans="2:13" x14ac:dyDescent="0.2">
      <c r="B1564" s="76"/>
      <c r="C1564" s="39" t="s">
        <v>64</v>
      </c>
      <c r="D1564" s="45">
        <v>203</v>
      </c>
      <c r="E1564" s="46">
        <v>17.7</v>
      </c>
      <c r="F1564" s="46">
        <v>6.9</v>
      </c>
      <c r="G1564" s="46">
        <v>3</v>
      </c>
      <c r="H1564" s="46">
        <v>1.5</v>
      </c>
      <c r="I1564" s="46">
        <v>0.5</v>
      </c>
      <c r="J1564" s="46">
        <v>5.4</v>
      </c>
      <c r="K1564" s="46">
        <v>0.5</v>
      </c>
      <c r="L1564" s="46">
        <v>1</v>
      </c>
      <c r="M1564" s="47">
        <v>63.5</v>
      </c>
    </row>
    <row r="1565" spans="2:13" x14ac:dyDescent="0.2">
      <c r="B1565" s="76"/>
      <c r="C1565" s="39" t="s">
        <v>65</v>
      </c>
      <c r="D1565" s="45">
        <v>263</v>
      </c>
      <c r="E1565" s="46">
        <v>19</v>
      </c>
      <c r="F1565" s="46">
        <v>4.2</v>
      </c>
      <c r="G1565" s="46">
        <v>1.1000000000000001</v>
      </c>
      <c r="H1565" s="46">
        <v>1.5</v>
      </c>
      <c r="I1565" s="46">
        <v>0.4</v>
      </c>
      <c r="J1565" s="46">
        <v>4.9000000000000004</v>
      </c>
      <c r="K1565" s="46">
        <v>0</v>
      </c>
      <c r="L1565" s="46">
        <v>0.8</v>
      </c>
      <c r="M1565" s="47">
        <v>68.099999999999994</v>
      </c>
    </row>
    <row r="1566" spans="2:13" x14ac:dyDescent="0.2">
      <c r="B1566" s="76"/>
      <c r="C1566" s="39" t="s">
        <v>66</v>
      </c>
      <c r="D1566" s="45">
        <v>194</v>
      </c>
      <c r="E1566" s="46">
        <v>13.4</v>
      </c>
      <c r="F1566" s="46">
        <v>8.1999999999999993</v>
      </c>
      <c r="G1566" s="46">
        <v>3.1</v>
      </c>
      <c r="H1566" s="46">
        <v>2.1</v>
      </c>
      <c r="I1566" s="46">
        <v>0</v>
      </c>
      <c r="J1566" s="46">
        <v>2.1</v>
      </c>
      <c r="K1566" s="46">
        <v>0.5</v>
      </c>
      <c r="L1566" s="46">
        <v>0</v>
      </c>
      <c r="M1566" s="47">
        <v>70.599999999999994</v>
      </c>
    </row>
    <row r="1567" spans="2:13" x14ac:dyDescent="0.2">
      <c r="B1567" s="76"/>
      <c r="C1567" s="39" t="s">
        <v>67</v>
      </c>
      <c r="D1567" s="45">
        <v>61</v>
      </c>
      <c r="E1567" s="46">
        <v>19.7</v>
      </c>
      <c r="F1567" s="46">
        <v>8.1999999999999993</v>
      </c>
      <c r="G1567" s="46">
        <v>1.6</v>
      </c>
      <c r="H1567" s="46">
        <v>6.6</v>
      </c>
      <c r="I1567" s="46">
        <v>3.3</v>
      </c>
      <c r="J1567" s="46">
        <v>9.8000000000000007</v>
      </c>
      <c r="K1567" s="46">
        <v>0</v>
      </c>
      <c r="L1567" s="46">
        <v>0</v>
      </c>
      <c r="M1567" s="47">
        <v>50.8</v>
      </c>
    </row>
    <row r="1568" spans="2:13" x14ac:dyDescent="0.2">
      <c r="B1568" s="76"/>
      <c r="C1568" s="39" t="s">
        <v>68</v>
      </c>
      <c r="D1568" s="45">
        <v>416</v>
      </c>
      <c r="E1568" s="46">
        <v>17.5</v>
      </c>
      <c r="F1568" s="46">
        <v>4.3</v>
      </c>
      <c r="G1568" s="46">
        <v>2.6</v>
      </c>
      <c r="H1568" s="46">
        <v>0.5</v>
      </c>
      <c r="I1568" s="46">
        <v>0.5</v>
      </c>
      <c r="J1568" s="46">
        <v>4.5999999999999996</v>
      </c>
      <c r="K1568" s="46">
        <v>0.5</v>
      </c>
      <c r="L1568" s="46">
        <v>0.5</v>
      </c>
      <c r="M1568" s="47">
        <v>69</v>
      </c>
    </row>
    <row r="1569" spans="1:25" x14ac:dyDescent="0.2">
      <c r="B1569" s="76"/>
      <c r="C1569" s="40" t="s">
        <v>69</v>
      </c>
      <c r="D1569" s="48">
        <v>498</v>
      </c>
      <c r="E1569" s="49">
        <v>17.5</v>
      </c>
      <c r="F1569" s="49">
        <v>7.6</v>
      </c>
      <c r="G1569" s="49">
        <v>2.8</v>
      </c>
      <c r="H1569" s="49">
        <v>3.2</v>
      </c>
      <c r="I1569" s="49">
        <v>1.2</v>
      </c>
      <c r="J1569" s="49">
        <v>4.5999999999999996</v>
      </c>
      <c r="K1569" s="49">
        <v>1.2</v>
      </c>
      <c r="L1569" s="49">
        <v>1</v>
      </c>
      <c r="M1569" s="50">
        <v>60.8</v>
      </c>
    </row>
    <row r="1570" spans="1:25" x14ac:dyDescent="0.2">
      <c r="B1570" s="7" t="s">
        <v>71</v>
      </c>
      <c r="C1570" s="4" t="s">
        <v>123</v>
      </c>
    </row>
    <row r="1571" spans="1:25" x14ac:dyDescent="0.2">
      <c r="B1571" s="4"/>
      <c r="C1571" s="4" t="s">
        <v>73</v>
      </c>
    </row>
    <row r="1573" spans="1:25" x14ac:dyDescent="0.2">
      <c r="A1573" s="26" t="s">
        <v>25</v>
      </c>
      <c r="B1573" t="s">
        <v>35</v>
      </c>
      <c r="C1573" t="s">
        <v>35</v>
      </c>
    </row>
    <row r="1574" spans="1:25" x14ac:dyDescent="0.2">
      <c r="B1574" s="74" t="s">
        <v>124</v>
      </c>
      <c r="C1574" s="75"/>
      <c r="D1574" s="75"/>
      <c r="E1574" s="75"/>
      <c r="F1574" s="75"/>
      <c r="G1574" s="75"/>
      <c r="H1574" s="75"/>
      <c r="I1574" s="75"/>
      <c r="J1574" s="75"/>
      <c r="K1574" s="75"/>
      <c r="L1574" s="75"/>
      <c r="M1574" s="75"/>
      <c r="N1574" s="75"/>
      <c r="O1574" s="75"/>
      <c r="P1574" s="75"/>
      <c r="Q1574" s="75"/>
      <c r="R1574" s="75"/>
      <c r="S1574" s="75"/>
      <c r="T1574" s="75"/>
      <c r="U1574" s="75"/>
      <c r="V1574" s="75"/>
      <c r="W1574" s="75"/>
      <c r="X1574" s="75"/>
      <c r="Y1574" s="75"/>
    </row>
    <row r="1575" spans="1:25" s="32" customFormat="1" ht="25.65" customHeight="1" x14ac:dyDescent="0.15">
      <c r="A1575" s="31"/>
      <c r="D1575" s="33" t="s">
        <v>242</v>
      </c>
      <c r="E1575" s="35" t="s">
        <v>286</v>
      </c>
      <c r="F1575" s="36" t="s">
        <v>285</v>
      </c>
      <c r="G1575" s="37" t="s">
        <v>324</v>
      </c>
      <c r="H1575" s="34" t="s">
        <v>251</v>
      </c>
    </row>
    <row r="1576" spans="1:25" x14ac:dyDescent="0.2">
      <c r="B1576" s="5"/>
      <c r="C1576" s="41" t="s">
        <v>38</v>
      </c>
      <c r="D1576" s="42">
        <v>2000</v>
      </c>
      <c r="E1576" s="43">
        <v>29</v>
      </c>
      <c r="F1576" s="43">
        <v>6.2</v>
      </c>
      <c r="G1576" s="44">
        <v>64.900000000000006</v>
      </c>
    </row>
    <row r="1577" spans="1:25" x14ac:dyDescent="0.2">
      <c r="B1577" s="76" t="s">
        <v>37</v>
      </c>
      <c r="C1577" s="39" t="s">
        <v>39</v>
      </c>
      <c r="D1577" s="45">
        <v>111</v>
      </c>
      <c r="E1577" s="46">
        <v>26.1</v>
      </c>
      <c r="F1577" s="46">
        <v>1.8</v>
      </c>
      <c r="G1577" s="47">
        <v>72.099999999999994</v>
      </c>
    </row>
    <row r="1578" spans="1:25" x14ac:dyDescent="0.2">
      <c r="B1578" s="76"/>
      <c r="C1578" s="39" t="s">
        <v>40</v>
      </c>
      <c r="D1578" s="45">
        <v>450</v>
      </c>
      <c r="E1578" s="46">
        <v>31.8</v>
      </c>
      <c r="F1578" s="46">
        <v>5.6</v>
      </c>
      <c r="G1578" s="47">
        <v>62.7</v>
      </c>
    </row>
    <row r="1579" spans="1:25" ht="21.6" x14ac:dyDescent="0.2">
      <c r="B1579" s="76"/>
      <c r="C1579" s="39" t="s">
        <v>41</v>
      </c>
      <c r="D1579" s="45">
        <v>30</v>
      </c>
      <c r="E1579" s="46">
        <v>26.7</v>
      </c>
      <c r="F1579" s="46">
        <v>3.3</v>
      </c>
      <c r="G1579" s="47">
        <v>70</v>
      </c>
    </row>
    <row r="1580" spans="1:25" ht="21.6" x14ac:dyDescent="0.2">
      <c r="B1580" s="76"/>
      <c r="C1580" s="39" t="s">
        <v>42</v>
      </c>
      <c r="D1580" s="45">
        <v>336</v>
      </c>
      <c r="E1580" s="46">
        <v>26.2</v>
      </c>
      <c r="F1580" s="46">
        <v>8.6</v>
      </c>
      <c r="G1580" s="47">
        <v>65.2</v>
      </c>
    </row>
    <row r="1581" spans="1:25" ht="21.6" x14ac:dyDescent="0.2">
      <c r="B1581" s="76"/>
      <c r="C1581" s="39" t="s">
        <v>43</v>
      </c>
      <c r="D1581" s="45">
        <v>327</v>
      </c>
      <c r="E1581" s="46">
        <v>31.8</v>
      </c>
      <c r="F1581" s="46">
        <v>4.9000000000000004</v>
      </c>
      <c r="G1581" s="47">
        <v>63.3</v>
      </c>
    </row>
    <row r="1582" spans="1:25" ht="21.6" x14ac:dyDescent="0.2">
      <c r="B1582" s="76"/>
      <c r="C1582" s="39" t="s">
        <v>44</v>
      </c>
      <c r="D1582" s="45">
        <v>181</v>
      </c>
      <c r="E1582" s="46">
        <v>18.8</v>
      </c>
      <c r="F1582" s="46">
        <v>6.6</v>
      </c>
      <c r="G1582" s="47">
        <v>74.599999999999994</v>
      </c>
    </row>
    <row r="1583" spans="1:25" ht="21.6" x14ac:dyDescent="0.2">
      <c r="B1583" s="76"/>
      <c r="C1583" s="39" t="s">
        <v>45</v>
      </c>
      <c r="D1583" s="45">
        <v>565</v>
      </c>
      <c r="E1583" s="46">
        <v>30.8</v>
      </c>
      <c r="F1583" s="46">
        <v>6.7</v>
      </c>
      <c r="G1583" s="47">
        <v>62.5</v>
      </c>
    </row>
    <row r="1584" spans="1:25" ht="21.6" x14ac:dyDescent="0.2">
      <c r="B1584" s="76"/>
      <c r="C1584" s="39" t="s">
        <v>46</v>
      </c>
      <c r="D1584" s="45">
        <v>473</v>
      </c>
      <c r="E1584" s="46">
        <v>35.299999999999997</v>
      </c>
      <c r="F1584" s="46">
        <v>7.6</v>
      </c>
      <c r="G1584" s="47">
        <v>57.1</v>
      </c>
    </row>
    <row r="1585" spans="1:25" ht="21.6" x14ac:dyDescent="0.2">
      <c r="B1585" s="76"/>
      <c r="C1585" s="39" t="s">
        <v>47</v>
      </c>
      <c r="D1585" s="45">
        <v>441</v>
      </c>
      <c r="E1585" s="46">
        <v>29</v>
      </c>
      <c r="F1585" s="46">
        <v>4.8</v>
      </c>
      <c r="G1585" s="47">
        <v>66.2</v>
      </c>
    </row>
    <row r="1586" spans="1:25" ht="21.6" x14ac:dyDescent="0.2">
      <c r="B1586" s="76"/>
      <c r="C1586" s="39" t="s">
        <v>48</v>
      </c>
      <c r="D1586" s="45">
        <v>305</v>
      </c>
      <c r="E1586" s="46">
        <v>33.4</v>
      </c>
      <c r="F1586" s="46">
        <v>5.2</v>
      </c>
      <c r="G1586" s="47">
        <v>61.3</v>
      </c>
    </row>
    <row r="1587" spans="1:25" ht="21.6" x14ac:dyDescent="0.2">
      <c r="B1587" s="76"/>
      <c r="C1587" s="39" t="s">
        <v>49</v>
      </c>
      <c r="D1587" s="45">
        <v>223</v>
      </c>
      <c r="E1587" s="46">
        <v>24.2</v>
      </c>
      <c r="F1587" s="46">
        <v>6.3</v>
      </c>
      <c r="G1587" s="47">
        <v>69.5</v>
      </c>
    </row>
    <row r="1588" spans="1:25" ht="21.6" x14ac:dyDescent="0.2">
      <c r="B1588" s="76"/>
      <c r="C1588" s="39" t="s">
        <v>50</v>
      </c>
      <c r="D1588" s="45">
        <v>123</v>
      </c>
      <c r="E1588" s="46">
        <v>21.1</v>
      </c>
      <c r="F1588" s="46">
        <v>6.5</v>
      </c>
      <c r="G1588" s="47">
        <v>72.400000000000006</v>
      </c>
    </row>
    <row r="1589" spans="1:25" ht="21.6" x14ac:dyDescent="0.2">
      <c r="B1589" s="76"/>
      <c r="C1589" s="39" t="s">
        <v>51</v>
      </c>
      <c r="D1589" s="45">
        <v>124</v>
      </c>
      <c r="E1589" s="46">
        <v>21.8</v>
      </c>
      <c r="F1589" s="46">
        <v>8.1</v>
      </c>
      <c r="G1589" s="47">
        <v>70.2</v>
      </c>
    </row>
    <row r="1590" spans="1:25" ht="21.6" x14ac:dyDescent="0.2">
      <c r="B1590" s="76"/>
      <c r="C1590" s="39" t="s">
        <v>52</v>
      </c>
      <c r="D1590" s="45">
        <v>312</v>
      </c>
      <c r="E1590" s="46">
        <v>28.2</v>
      </c>
      <c r="F1590" s="46">
        <v>5.8</v>
      </c>
      <c r="G1590" s="47">
        <v>66</v>
      </c>
    </row>
    <row r="1591" spans="1:25" x14ac:dyDescent="0.2">
      <c r="B1591" s="76"/>
      <c r="C1591" s="39" t="s">
        <v>53</v>
      </c>
      <c r="D1591" s="45">
        <v>269</v>
      </c>
      <c r="E1591" s="46">
        <v>35.299999999999997</v>
      </c>
      <c r="F1591" s="46">
        <v>5.2</v>
      </c>
      <c r="G1591" s="47">
        <v>59.5</v>
      </c>
    </row>
    <row r="1592" spans="1:25" ht="21.6" x14ac:dyDescent="0.2">
      <c r="B1592" s="76"/>
      <c r="C1592" s="39" t="s">
        <v>54</v>
      </c>
      <c r="D1592" s="45">
        <v>511</v>
      </c>
      <c r="E1592" s="46">
        <v>30.1</v>
      </c>
      <c r="F1592" s="46">
        <v>6.5</v>
      </c>
      <c r="G1592" s="47">
        <v>63.4</v>
      </c>
    </row>
    <row r="1593" spans="1:25" ht="21.6" x14ac:dyDescent="0.2">
      <c r="B1593" s="76"/>
      <c r="C1593" s="39" t="s">
        <v>55</v>
      </c>
      <c r="D1593" s="45">
        <v>615</v>
      </c>
      <c r="E1593" s="46">
        <v>25.9</v>
      </c>
      <c r="F1593" s="46">
        <v>7</v>
      </c>
      <c r="G1593" s="47">
        <v>67.2</v>
      </c>
    </row>
    <row r="1594" spans="1:25" ht="21.6" x14ac:dyDescent="0.2">
      <c r="B1594" s="76"/>
      <c r="C1594" s="39" t="s">
        <v>56</v>
      </c>
      <c r="D1594" s="45">
        <v>800</v>
      </c>
      <c r="E1594" s="46">
        <v>30.8</v>
      </c>
      <c r="F1594" s="46">
        <v>6.6</v>
      </c>
      <c r="G1594" s="47">
        <v>62.6</v>
      </c>
    </row>
    <row r="1595" spans="1:25" x14ac:dyDescent="0.2">
      <c r="B1595" s="76"/>
      <c r="C1595" s="40" t="s">
        <v>57</v>
      </c>
      <c r="D1595" s="48">
        <v>798</v>
      </c>
      <c r="E1595" s="49">
        <v>28.3</v>
      </c>
      <c r="F1595" s="49">
        <v>5.9</v>
      </c>
      <c r="G1595" s="50">
        <v>65.8</v>
      </c>
    </row>
    <row r="1597" spans="1:25" x14ac:dyDescent="0.2">
      <c r="C1597" t="s">
        <v>35</v>
      </c>
    </row>
    <row r="1598" spans="1:25" x14ac:dyDescent="0.2">
      <c r="B1598" s="74" t="s">
        <v>208</v>
      </c>
      <c r="C1598" s="75"/>
      <c r="D1598" s="75"/>
      <c r="E1598" s="75"/>
      <c r="F1598" s="75"/>
      <c r="G1598" s="75"/>
      <c r="H1598" s="75"/>
      <c r="I1598" s="75"/>
      <c r="J1598" s="75"/>
      <c r="K1598" s="75"/>
      <c r="L1598" s="75"/>
      <c r="M1598" s="75"/>
      <c r="N1598" s="75"/>
      <c r="O1598" s="75"/>
      <c r="P1598" s="75"/>
      <c r="Q1598" s="75"/>
      <c r="R1598" s="75"/>
      <c r="S1598" s="75"/>
      <c r="T1598" s="75"/>
      <c r="U1598" s="75"/>
      <c r="V1598" s="75"/>
      <c r="W1598" s="75"/>
      <c r="X1598" s="75"/>
      <c r="Y1598" s="75"/>
    </row>
    <row r="1599" spans="1:25" s="32" customFormat="1" ht="25.65" customHeight="1" x14ac:dyDescent="0.15">
      <c r="A1599" s="31"/>
      <c r="D1599" s="33" t="s">
        <v>242</v>
      </c>
      <c r="E1599" s="35" t="s">
        <v>286</v>
      </c>
      <c r="F1599" s="36" t="s">
        <v>285</v>
      </c>
      <c r="G1599" s="37" t="s">
        <v>324</v>
      </c>
      <c r="H1599" s="34" t="s">
        <v>251</v>
      </c>
    </row>
    <row r="1600" spans="1:25" ht="21.6" x14ac:dyDescent="0.2">
      <c r="B1600" s="76" t="s">
        <v>37</v>
      </c>
      <c r="C1600" s="38" t="s">
        <v>58</v>
      </c>
      <c r="D1600" s="51">
        <v>609</v>
      </c>
      <c r="E1600" s="52">
        <v>35.5</v>
      </c>
      <c r="F1600" s="52">
        <v>7.1</v>
      </c>
      <c r="G1600" s="53">
        <v>57.5</v>
      </c>
    </row>
    <row r="1601" spans="2:7" ht="21.6" x14ac:dyDescent="0.2">
      <c r="B1601" s="76"/>
      <c r="C1601" s="39" t="s">
        <v>59</v>
      </c>
      <c r="D1601" s="45">
        <v>1391</v>
      </c>
      <c r="E1601" s="46">
        <v>26.2</v>
      </c>
      <c r="F1601" s="46">
        <v>5.8</v>
      </c>
      <c r="G1601" s="47">
        <v>68.099999999999994</v>
      </c>
    </row>
    <row r="1602" spans="2:7" x14ac:dyDescent="0.2">
      <c r="B1602" s="76"/>
      <c r="C1602" s="39" t="s">
        <v>60</v>
      </c>
      <c r="D1602" s="45">
        <v>1325</v>
      </c>
      <c r="E1602" s="46">
        <v>27.7</v>
      </c>
      <c r="F1602" s="46">
        <v>6.8</v>
      </c>
      <c r="G1602" s="47">
        <v>65.5</v>
      </c>
    </row>
    <row r="1603" spans="2:7" x14ac:dyDescent="0.2">
      <c r="B1603" s="76"/>
      <c r="C1603" s="39" t="s">
        <v>61</v>
      </c>
      <c r="D1603" s="45">
        <v>675</v>
      </c>
      <c r="E1603" s="46">
        <v>31.6</v>
      </c>
      <c r="F1603" s="46">
        <v>4.9000000000000004</v>
      </c>
      <c r="G1603" s="47">
        <v>63.6</v>
      </c>
    </row>
    <row r="1604" spans="2:7" x14ac:dyDescent="0.2">
      <c r="B1604" s="76"/>
      <c r="C1604" s="39" t="s">
        <v>62</v>
      </c>
      <c r="D1604" s="45">
        <v>1086</v>
      </c>
      <c r="E1604" s="46">
        <v>28.8</v>
      </c>
      <c r="F1604" s="46">
        <v>6.1</v>
      </c>
      <c r="G1604" s="47">
        <v>65.099999999999994</v>
      </c>
    </row>
    <row r="1605" spans="2:7" ht="21.6" x14ac:dyDescent="0.2">
      <c r="B1605" s="76"/>
      <c r="C1605" s="39" t="s">
        <v>63</v>
      </c>
      <c r="D1605" s="45">
        <v>203</v>
      </c>
      <c r="E1605" s="46">
        <v>26.1</v>
      </c>
      <c r="F1605" s="46">
        <v>9.4</v>
      </c>
      <c r="G1605" s="47">
        <v>64.5</v>
      </c>
    </row>
    <row r="1606" spans="2:7" x14ac:dyDescent="0.2">
      <c r="B1606" s="76"/>
      <c r="C1606" s="39" t="s">
        <v>64</v>
      </c>
      <c r="D1606" s="45">
        <v>263</v>
      </c>
      <c r="E1606" s="46">
        <v>33.5</v>
      </c>
      <c r="F1606" s="46">
        <v>6.8</v>
      </c>
      <c r="G1606" s="47">
        <v>59.7</v>
      </c>
    </row>
    <row r="1607" spans="2:7" x14ac:dyDescent="0.2">
      <c r="B1607" s="76"/>
      <c r="C1607" s="39" t="s">
        <v>65</v>
      </c>
      <c r="D1607" s="45">
        <v>312</v>
      </c>
      <c r="E1607" s="46">
        <v>30.4</v>
      </c>
      <c r="F1607" s="46">
        <v>7.1</v>
      </c>
      <c r="G1607" s="47">
        <v>62.5</v>
      </c>
    </row>
    <row r="1608" spans="2:7" x14ac:dyDescent="0.2">
      <c r="B1608" s="76"/>
      <c r="C1608" s="39" t="s">
        <v>66</v>
      </c>
      <c r="D1608" s="45">
        <v>230</v>
      </c>
      <c r="E1608" s="46">
        <v>25.7</v>
      </c>
      <c r="F1608" s="46">
        <v>2.2000000000000002</v>
      </c>
      <c r="G1608" s="47">
        <v>72.2</v>
      </c>
    </row>
    <row r="1609" spans="2:7" x14ac:dyDescent="0.2">
      <c r="B1609" s="76"/>
      <c r="C1609" s="39" t="s">
        <v>67</v>
      </c>
      <c r="D1609" s="45">
        <v>78</v>
      </c>
      <c r="E1609" s="46">
        <v>23.1</v>
      </c>
      <c r="F1609" s="46">
        <v>2.6</v>
      </c>
      <c r="G1609" s="47">
        <v>74.400000000000006</v>
      </c>
    </row>
    <row r="1610" spans="2:7" x14ac:dyDescent="0.2">
      <c r="B1610" s="76"/>
      <c r="C1610" s="39" t="s">
        <v>68</v>
      </c>
      <c r="D1610" s="45">
        <v>897</v>
      </c>
      <c r="E1610" s="46">
        <v>28.8</v>
      </c>
      <c r="F1610" s="46">
        <v>6</v>
      </c>
      <c r="G1610" s="47">
        <v>65.2</v>
      </c>
    </row>
    <row r="1611" spans="2:7" x14ac:dyDescent="0.2">
      <c r="B1611" s="76"/>
      <c r="C1611" s="39" t="s">
        <v>69</v>
      </c>
      <c r="D1611" s="45">
        <v>189</v>
      </c>
      <c r="E1611" s="46">
        <v>29.1</v>
      </c>
      <c r="F1611" s="46">
        <v>6.3</v>
      </c>
      <c r="G1611" s="47">
        <v>64.599999999999994</v>
      </c>
    </row>
    <row r="1612" spans="2:7" x14ac:dyDescent="0.2">
      <c r="B1612" s="76"/>
      <c r="C1612" s="39" t="s">
        <v>70</v>
      </c>
      <c r="D1612" s="45">
        <v>914</v>
      </c>
      <c r="E1612" s="46">
        <v>29.2</v>
      </c>
      <c r="F1612" s="46">
        <v>6.2</v>
      </c>
      <c r="G1612" s="47">
        <v>64.599999999999994</v>
      </c>
    </row>
    <row r="1613" spans="2:7" ht="21.6" x14ac:dyDescent="0.2">
      <c r="B1613" s="76"/>
      <c r="C1613" s="39" t="s">
        <v>63</v>
      </c>
      <c r="D1613" s="45">
        <v>193</v>
      </c>
      <c r="E1613" s="46">
        <v>32.1</v>
      </c>
      <c r="F1613" s="46">
        <v>8.8000000000000007</v>
      </c>
      <c r="G1613" s="47">
        <v>59.1</v>
      </c>
    </row>
    <row r="1614" spans="2:7" x14ac:dyDescent="0.2">
      <c r="B1614" s="76"/>
      <c r="C1614" s="39" t="s">
        <v>64</v>
      </c>
      <c r="D1614" s="45">
        <v>203</v>
      </c>
      <c r="E1614" s="46">
        <v>29.6</v>
      </c>
      <c r="F1614" s="46">
        <v>6.9</v>
      </c>
      <c r="G1614" s="47">
        <v>63.5</v>
      </c>
    </row>
    <row r="1615" spans="2:7" x14ac:dyDescent="0.2">
      <c r="B1615" s="76"/>
      <c r="C1615" s="39" t="s">
        <v>65</v>
      </c>
      <c r="D1615" s="45">
        <v>263</v>
      </c>
      <c r="E1615" s="46">
        <v>26.2</v>
      </c>
      <c r="F1615" s="46">
        <v>5.7</v>
      </c>
      <c r="G1615" s="47">
        <v>68.099999999999994</v>
      </c>
    </row>
    <row r="1616" spans="2:7" x14ac:dyDescent="0.2">
      <c r="B1616" s="76"/>
      <c r="C1616" s="39" t="s">
        <v>66</v>
      </c>
      <c r="D1616" s="45">
        <v>194</v>
      </c>
      <c r="E1616" s="46">
        <v>26.8</v>
      </c>
      <c r="F1616" s="46">
        <v>2.6</v>
      </c>
      <c r="G1616" s="47">
        <v>70.599999999999994</v>
      </c>
    </row>
    <row r="1617" spans="1:25" x14ac:dyDescent="0.2">
      <c r="B1617" s="76"/>
      <c r="C1617" s="39" t="s">
        <v>67</v>
      </c>
      <c r="D1617" s="45">
        <v>61</v>
      </c>
      <c r="E1617" s="46">
        <v>39.299999999999997</v>
      </c>
      <c r="F1617" s="46">
        <v>9.8000000000000007</v>
      </c>
      <c r="G1617" s="47">
        <v>50.8</v>
      </c>
    </row>
    <row r="1618" spans="1:25" x14ac:dyDescent="0.2">
      <c r="B1618" s="76"/>
      <c r="C1618" s="39" t="s">
        <v>68</v>
      </c>
      <c r="D1618" s="45">
        <v>416</v>
      </c>
      <c r="E1618" s="46">
        <v>25.5</v>
      </c>
      <c r="F1618" s="46">
        <v>5.5</v>
      </c>
      <c r="G1618" s="47">
        <v>69</v>
      </c>
    </row>
    <row r="1619" spans="1:25" x14ac:dyDescent="0.2">
      <c r="B1619" s="76"/>
      <c r="C1619" s="40" t="s">
        <v>69</v>
      </c>
      <c r="D1619" s="48">
        <v>498</v>
      </c>
      <c r="E1619" s="49">
        <v>32.299999999999997</v>
      </c>
      <c r="F1619" s="49">
        <v>6.8</v>
      </c>
      <c r="G1619" s="50">
        <v>60.8</v>
      </c>
    </row>
    <row r="1621" spans="1:25" x14ac:dyDescent="0.2">
      <c r="A1621" s="26" t="s">
        <v>25</v>
      </c>
      <c r="B1621" t="s">
        <v>35</v>
      </c>
      <c r="C1621" t="s">
        <v>35</v>
      </c>
    </row>
    <row r="1622" spans="1:25" x14ac:dyDescent="0.2">
      <c r="B1622" s="74" t="s">
        <v>125</v>
      </c>
      <c r="C1622" s="75"/>
      <c r="D1622" s="75"/>
      <c r="E1622" s="75"/>
      <c r="F1622" s="75"/>
      <c r="G1622" s="75"/>
      <c r="H1622" s="75"/>
      <c r="I1622" s="75"/>
      <c r="J1622" s="75"/>
      <c r="K1622" s="75"/>
      <c r="L1622" s="75"/>
      <c r="M1622" s="75"/>
      <c r="N1622" s="75"/>
      <c r="O1622" s="75"/>
      <c r="P1622" s="75"/>
      <c r="Q1622" s="75"/>
      <c r="R1622" s="75"/>
      <c r="S1622" s="75"/>
      <c r="T1622" s="75"/>
      <c r="U1622" s="75"/>
      <c r="V1622" s="75"/>
      <c r="W1622" s="75"/>
      <c r="X1622" s="75"/>
      <c r="Y1622" s="75"/>
    </row>
    <row r="1623" spans="1:25" s="32" customFormat="1" ht="79.650000000000006" customHeight="1" x14ac:dyDescent="0.15">
      <c r="A1623" s="31"/>
      <c r="D1623" s="33" t="s">
        <v>242</v>
      </c>
      <c r="E1623" s="35" t="s">
        <v>325</v>
      </c>
      <c r="F1623" s="36" t="s">
        <v>326</v>
      </c>
      <c r="G1623" s="36" t="s">
        <v>327</v>
      </c>
      <c r="H1623" s="36" t="s">
        <v>328</v>
      </c>
      <c r="I1623" s="36" t="s">
        <v>329</v>
      </c>
      <c r="J1623" s="36" t="s">
        <v>330</v>
      </c>
      <c r="K1623" s="37" t="s">
        <v>264</v>
      </c>
      <c r="L1623" s="34" t="s">
        <v>251</v>
      </c>
    </row>
    <row r="1624" spans="1:25" x14ac:dyDescent="0.2">
      <c r="B1624" s="5"/>
      <c r="C1624" s="41" t="s">
        <v>38</v>
      </c>
      <c r="D1624" s="42">
        <v>2000</v>
      </c>
      <c r="E1624" s="43">
        <v>60.2</v>
      </c>
      <c r="F1624" s="43">
        <v>14</v>
      </c>
      <c r="G1624" s="43">
        <v>8.1</v>
      </c>
      <c r="H1624" s="43">
        <v>2.7</v>
      </c>
      <c r="I1624" s="43">
        <v>8.1</v>
      </c>
      <c r="J1624" s="43">
        <v>7</v>
      </c>
      <c r="K1624" s="44">
        <v>0.1</v>
      </c>
    </row>
    <row r="1625" spans="1:25" x14ac:dyDescent="0.2">
      <c r="B1625" s="76" t="s">
        <v>37</v>
      </c>
      <c r="C1625" s="39" t="s">
        <v>39</v>
      </c>
      <c r="D1625" s="45">
        <v>111</v>
      </c>
      <c r="E1625" s="46">
        <v>60.4</v>
      </c>
      <c r="F1625" s="46">
        <v>12.6</v>
      </c>
      <c r="G1625" s="46">
        <v>11.7</v>
      </c>
      <c r="H1625" s="46">
        <v>4.5</v>
      </c>
      <c r="I1625" s="46">
        <v>6.3</v>
      </c>
      <c r="J1625" s="46">
        <v>4.5</v>
      </c>
      <c r="K1625" s="47">
        <v>0</v>
      </c>
    </row>
    <row r="1626" spans="1:25" x14ac:dyDescent="0.2">
      <c r="B1626" s="76"/>
      <c r="C1626" s="39" t="s">
        <v>40</v>
      </c>
      <c r="D1626" s="45">
        <v>450</v>
      </c>
      <c r="E1626" s="46">
        <v>61.8</v>
      </c>
      <c r="F1626" s="46">
        <v>14.7</v>
      </c>
      <c r="G1626" s="46">
        <v>8.4</v>
      </c>
      <c r="H1626" s="46">
        <v>3.3</v>
      </c>
      <c r="I1626" s="46">
        <v>5.6</v>
      </c>
      <c r="J1626" s="46">
        <v>6</v>
      </c>
      <c r="K1626" s="47">
        <v>0.2</v>
      </c>
    </row>
    <row r="1627" spans="1:25" ht="21.6" x14ac:dyDescent="0.2">
      <c r="B1627" s="76"/>
      <c r="C1627" s="39" t="s">
        <v>41</v>
      </c>
      <c r="D1627" s="45">
        <v>30</v>
      </c>
      <c r="E1627" s="46">
        <v>76.7</v>
      </c>
      <c r="F1627" s="46">
        <v>3.3</v>
      </c>
      <c r="G1627" s="46">
        <v>3.3</v>
      </c>
      <c r="H1627" s="46">
        <v>0</v>
      </c>
      <c r="I1627" s="46">
        <v>10</v>
      </c>
      <c r="J1627" s="46">
        <v>6.7</v>
      </c>
      <c r="K1627" s="47">
        <v>0</v>
      </c>
    </row>
    <row r="1628" spans="1:25" ht="21.6" x14ac:dyDescent="0.2">
      <c r="B1628" s="76"/>
      <c r="C1628" s="39" t="s">
        <v>42</v>
      </c>
      <c r="D1628" s="45">
        <v>336</v>
      </c>
      <c r="E1628" s="46">
        <v>65.2</v>
      </c>
      <c r="F1628" s="46">
        <v>11</v>
      </c>
      <c r="G1628" s="46">
        <v>7.1</v>
      </c>
      <c r="H1628" s="46">
        <v>3.9</v>
      </c>
      <c r="I1628" s="46">
        <v>5.7</v>
      </c>
      <c r="J1628" s="46">
        <v>7.1</v>
      </c>
      <c r="K1628" s="47">
        <v>0</v>
      </c>
    </row>
    <row r="1629" spans="1:25" ht="21.6" x14ac:dyDescent="0.2">
      <c r="B1629" s="76"/>
      <c r="C1629" s="39" t="s">
        <v>43</v>
      </c>
      <c r="D1629" s="45">
        <v>327</v>
      </c>
      <c r="E1629" s="46">
        <v>50.8</v>
      </c>
      <c r="F1629" s="46">
        <v>19.3</v>
      </c>
      <c r="G1629" s="46">
        <v>10.1</v>
      </c>
      <c r="H1629" s="46">
        <v>2.1</v>
      </c>
      <c r="I1629" s="46">
        <v>10.1</v>
      </c>
      <c r="J1629" s="46">
        <v>7.3</v>
      </c>
      <c r="K1629" s="47">
        <v>0.3</v>
      </c>
    </row>
    <row r="1630" spans="1:25" ht="21.6" x14ac:dyDescent="0.2">
      <c r="B1630" s="76"/>
      <c r="C1630" s="39" t="s">
        <v>44</v>
      </c>
      <c r="D1630" s="45">
        <v>181</v>
      </c>
      <c r="E1630" s="46">
        <v>62.4</v>
      </c>
      <c r="F1630" s="46">
        <v>11.6</v>
      </c>
      <c r="G1630" s="46">
        <v>8.3000000000000007</v>
      </c>
      <c r="H1630" s="46">
        <v>1.7</v>
      </c>
      <c r="I1630" s="46">
        <v>9.4</v>
      </c>
      <c r="J1630" s="46">
        <v>6.6</v>
      </c>
      <c r="K1630" s="47">
        <v>0</v>
      </c>
    </row>
    <row r="1631" spans="1:25" ht="21.6" x14ac:dyDescent="0.2">
      <c r="B1631" s="76"/>
      <c r="C1631" s="39" t="s">
        <v>45</v>
      </c>
      <c r="D1631" s="45">
        <v>565</v>
      </c>
      <c r="E1631" s="46">
        <v>59.6</v>
      </c>
      <c r="F1631" s="46">
        <v>13.6</v>
      </c>
      <c r="G1631" s="46">
        <v>6.5</v>
      </c>
      <c r="H1631" s="46">
        <v>1.9</v>
      </c>
      <c r="I1631" s="46">
        <v>10.3</v>
      </c>
      <c r="J1631" s="46">
        <v>8</v>
      </c>
      <c r="K1631" s="47">
        <v>0</v>
      </c>
    </row>
    <row r="1632" spans="1:25" ht="21.6" x14ac:dyDescent="0.2">
      <c r="B1632" s="76"/>
      <c r="C1632" s="39" t="s">
        <v>46</v>
      </c>
      <c r="D1632" s="45">
        <v>473</v>
      </c>
      <c r="E1632" s="46">
        <v>50.3</v>
      </c>
      <c r="F1632" s="46">
        <v>16.3</v>
      </c>
      <c r="G1632" s="46">
        <v>9.5</v>
      </c>
      <c r="H1632" s="46">
        <v>3.2</v>
      </c>
      <c r="I1632" s="46">
        <v>10.8</v>
      </c>
      <c r="J1632" s="46">
        <v>9.9</v>
      </c>
      <c r="K1632" s="47">
        <v>0</v>
      </c>
    </row>
    <row r="1633" spans="2:25" ht="21.6" x14ac:dyDescent="0.2">
      <c r="B1633" s="76"/>
      <c r="C1633" s="39" t="s">
        <v>47</v>
      </c>
      <c r="D1633" s="45">
        <v>441</v>
      </c>
      <c r="E1633" s="46">
        <v>56.5</v>
      </c>
      <c r="F1633" s="46">
        <v>16.8</v>
      </c>
      <c r="G1633" s="46">
        <v>10</v>
      </c>
      <c r="H1633" s="46">
        <v>2.7</v>
      </c>
      <c r="I1633" s="46">
        <v>8.4</v>
      </c>
      <c r="J1633" s="46">
        <v>5.7</v>
      </c>
      <c r="K1633" s="47">
        <v>0</v>
      </c>
    </row>
    <row r="1634" spans="2:25" ht="21.6" x14ac:dyDescent="0.2">
      <c r="B1634" s="76"/>
      <c r="C1634" s="39" t="s">
        <v>48</v>
      </c>
      <c r="D1634" s="45">
        <v>305</v>
      </c>
      <c r="E1634" s="46">
        <v>62.3</v>
      </c>
      <c r="F1634" s="46">
        <v>13.8</v>
      </c>
      <c r="G1634" s="46">
        <v>9.1999999999999993</v>
      </c>
      <c r="H1634" s="46">
        <v>4.5999999999999996</v>
      </c>
      <c r="I1634" s="46">
        <v>6.2</v>
      </c>
      <c r="J1634" s="46">
        <v>3.9</v>
      </c>
      <c r="K1634" s="47">
        <v>0</v>
      </c>
    </row>
    <row r="1635" spans="2:25" ht="21.6" x14ac:dyDescent="0.2">
      <c r="B1635" s="76"/>
      <c r="C1635" s="39" t="s">
        <v>49</v>
      </c>
      <c r="D1635" s="45">
        <v>223</v>
      </c>
      <c r="E1635" s="46">
        <v>70</v>
      </c>
      <c r="F1635" s="46">
        <v>13</v>
      </c>
      <c r="G1635" s="46">
        <v>4</v>
      </c>
      <c r="H1635" s="46">
        <v>2.2000000000000002</v>
      </c>
      <c r="I1635" s="46">
        <v>4.9000000000000004</v>
      </c>
      <c r="J1635" s="46">
        <v>5.8</v>
      </c>
      <c r="K1635" s="47">
        <v>0</v>
      </c>
    </row>
    <row r="1636" spans="2:25" ht="21.6" x14ac:dyDescent="0.2">
      <c r="B1636" s="76"/>
      <c r="C1636" s="39" t="s">
        <v>50</v>
      </c>
      <c r="D1636" s="45">
        <v>123</v>
      </c>
      <c r="E1636" s="46">
        <v>71.5</v>
      </c>
      <c r="F1636" s="46">
        <v>10.6</v>
      </c>
      <c r="G1636" s="46">
        <v>8.1</v>
      </c>
      <c r="H1636" s="46">
        <v>0</v>
      </c>
      <c r="I1636" s="46">
        <v>4.9000000000000004</v>
      </c>
      <c r="J1636" s="46">
        <v>4.9000000000000004</v>
      </c>
      <c r="K1636" s="47">
        <v>0</v>
      </c>
    </row>
    <row r="1637" spans="2:25" ht="21.6" x14ac:dyDescent="0.2">
      <c r="B1637" s="76"/>
      <c r="C1637" s="39" t="s">
        <v>51</v>
      </c>
      <c r="D1637" s="45">
        <v>124</v>
      </c>
      <c r="E1637" s="46">
        <v>76.599999999999994</v>
      </c>
      <c r="F1637" s="46">
        <v>8.9</v>
      </c>
      <c r="G1637" s="46">
        <v>4.8</v>
      </c>
      <c r="H1637" s="46">
        <v>1.6</v>
      </c>
      <c r="I1637" s="46">
        <v>4.8</v>
      </c>
      <c r="J1637" s="46">
        <v>3.2</v>
      </c>
      <c r="K1637" s="47">
        <v>0</v>
      </c>
    </row>
    <row r="1638" spans="2:25" ht="21.6" x14ac:dyDescent="0.2">
      <c r="B1638" s="76"/>
      <c r="C1638" s="39" t="s">
        <v>52</v>
      </c>
      <c r="D1638" s="45">
        <v>312</v>
      </c>
      <c r="E1638" s="46">
        <v>58.3</v>
      </c>
      <c r="F1638" s="46">
        <v>12.5</v>
      </c>
      <c r="G1638" s="46">
        <v>7.7</v>
      </c>
      <c r="H1638" s="46">
        <v>2.9</v>
      </c>
      <c r="I1638" s="46">
        <v>6.7</v>
      </c>
      <c r="J1638" s="46">
        <v>11.5</v>
      </c>
      <c r="K1638" s="47">
        <v>0.3</v>
      </c>
    </row>
    <row r="1639" spans="2:25" x14ac:dyDescent="0.2">
      <c r="B1639" s="76"/>
      <c r="C1639" s="39" t="s">
        <v>53</v>
      </c>
      <c r="D1639" s="45">
        <v>269</v>
      </c>
      <c r="E1639" s="46">
        <v>58</v>
      </c>
      <c r="F1639" s="46">
        <v>16.399999999999999</v>
      </c>
      <c r="G1639" s="46">
        <v>9.3000000000000007</v>
      </c>
      <c r="H1639" s="46">
        <v>2.2000000000000002</v>
      </c>
      <c r="I1639" s="46">
        <v>7.8</v>
      </c>
      <c r="J1639" s="46">
        <v>6.3</v>
      </c>
      <c r="K1639" s="47">
        <v>0</v>
      </c>
    </row>
    <row r="1640" spans="2:25" ht="21.6" x14ac:dyDescent="0.2">
      <c r="B1640" s="76"/>
      <c r="C1640" s="39" t="s">
        <v>54</v>
      </c>
      <c r="D1640" s="45">
        <v>511</v>
      </c>
      <c r="E1640" s="46">
        <v>64</v>
      </c>
      <c r="F1640" s="46">
        <v>11.4</v>
      </c>
      <c r="G1640" s="46">
        <v>9</v>
      </c>
      <c r="H1640" s="46">
        <v>3.3</v>
      </c>
      <c r="I1640" s="46">
        <v>8</v>
      </c>
      <c r="J1640" s="46">
        <v>4.3</v>
      </c>
      <c r="K1640" s="47">
        <v>0</v>
      </c>
    </row>
    <row r="1641" spans="2:25" ht="21.6" x14ac:dyDescent="0.2">
      <c r="B1641" s="76"/>
      <c r="C1641" s="39" t="s">
        <v>55</v>
      </c>
      <c r="D1641" s="45">
        <v>615</v>
      </c>
      <c r="E1641" s="46">
        <v>66</v>
      </c>
      <c r="F1641" s="46">
        <v>13</v>
      </c>
      <c r="G1641" s="46">
        <v>6.3</v>
      </c>
      <c r="H1641" s="46">
        <v>2.2999999999999998</v>
      </c>
      <c r="I1641" s="46">
        <v>7.3</v>
      </c>
      <c r="J1641" s="46">
        <v>5</v>
      </c>
      <c r="K1641" s="47">
        <v>0</v>
      </c>
    </row>
    <row r="1642" spans="2:25" ht="21.6" x14ac:dyDescent="0.2">
      <c r="B1642" s="76"/>
      <c r="C1642" s="39" t="s">
        <v>56</v>
      </c>
      <c r="D1642" s="45">
        <v>800</v>
      </c>
      <c r="E1642" s="46">
        <v>63.6</v>
      </c>
      <c r="F1642" s="46">
        <v>13.6</v>
      </c>
      <c r="G1642" s="46">
        <v>7.6</v>
      </c>
      <c r="H1642" s="46">
        <v>2.9</v>
      </c>
      <c r="I1642" s="46">
        <v>6.4</v>
      </c>
      <c r="J1642" s="46">
        <v>5.9</v>
      </c>
      <c r="K1642" s="47">
        <v>0</v>
      </c>
    </row>
    <row r="1643" spans="2:25" x14ac:dyDescent="0.2">
      <c r="B1643" s="76"/>
      <c r="C1643" s="40" t="s">
        <v>57</v>
      </c>
      <c r="D1643" s="48">
        <v>798</v>
      </c>
      <c r="E1643" s="49">
        <v>63.5</v>
      </c>
      <c r="F1643" s="49">
        <v>12.9</v>
      </c>
      <c r="G1643" s="49">
        <v>7.8</v>
      </c>
      <c r="H1643" s="49">
        <v>2.2999999999999998</v>
      </c>
      <c r="I1643" s="49">
        <v>8</v>
      </c>
      <c r="J1643" s="49">
        <v>5.4</v>
      </c>
      <c r="K1643" s="50">
        <v>0.1</v>
      </c>
    </row>
    <row r="1644" spans="2:25" x14ac:dyDescent="0.2">
      <c r="B1644" s="7" t="s">
        <v>71</v>
      </c>
      <c r="C1644" s="4" t="s">
        <v>126</v>
      </c>
    </row>
    <row r="1645" spans="2:25" x14ac:dyDescent="0.2">
      <c r="B1645" s="4"/>
      <c r="C1645" s="4" t="s">
        <v>73</v>
      </c>
    </row>
    <row r="1647" spans="2:25" x14ac:dyDescent="0.2">
      <c r="C1647" t="s">
        <v>35</v>
      </c>
    </row>
    <row r="1648" spans="2:25" x14ac:dyDescent="0.2">
      <c r="B1648" s="74" t="s">
        <v>209</v>
      </c>
      <c r="C1648" s="75"/>
      <c r="D1648" s="75"/>
      <c r="E1648" s="75"/>
      <c r="F1648" s="75"/>
      <c r="G1648" s="75"/>
      <c r="H1648" s="75"/>
      <c r="I1648" s="75"/>
      <c r="J1648" s="75"/>
      <c r="K1648" s="75"/>
      <c r="L1648" s="75"/>
      <c r="M1648" s="75"/>
      <c r="N1648" s="75"/>
      <c r="O1648" s="75"/>
      <c r="P1648" s="75"/>
      <c r="Q1648" s="75"/>
      <c r="R1648" s="75"/>
      <c r="S1648" s="75"/>
      <c r="T1648" s="75"/>
      <c r="U1648" s="75"/>
      <c r="V1648" s="75"/>
      <c r="W1648" s="75"/>
      <c r="X1648" s="75"/>
      <c r="Y1648" s="75"/>
    </row>
    <row r="1649" spans="1:12" s="32" customFormat="1" ht="79.650000000000006" customHeight="1" x14ac:dyDescent="0.15">
      <c r="A1649" s="31"/>
      <c r="D1649" s="33" t="s">
        <v>242</v>
      </c>
      <c r="E1649" s="35" t="s">
        <v>325</v>
      </c>
      <c r="F1649" s="36" t="s">
        <v>326</v>
      </c>
      <c r="G1649" s="36" t="s">
        <v>327</v>
      </c>
      <c r="H1649" s="36" t="s">
        <v>328</v>
      </c>
      <c r="I1649" s="36" t="s">
        <v>329</v>
      </c>
      <c r="J1649" s="36" t="s">
        <v>330</v>
      </c>
      <c r="K1649" s="37" t="s">
        <v>264</v>
      </c>
      <c r="L1649" s="34" t="s">
        <v>251</v>
      </c>
    </row>
    <row r="1650" spans="1:12" ht="21.6" x14ac:dyDescent="0.2">
      <c r="B1650" s="76" t="s">
        <v>37</v>
      </c>
      <c r="C1650" s="38" t="s">
        <v>58</v>
      </c>
      <c r="D1650" s="51">
        <v>609</v>
      </c>
      <c r="E1650" s="52">
        <v>60.4</v>
      </c>
      <c r="F1650" s="52">
        <v>14.3</v>
      </c>
      <c r="G1650" s="52">
        <v>8.9</v>
      </c>
      <c r="H1650" s="52">
        <v>3.8</v>
      </c>
      <c r="I1650" s="52">
        <v>6.9</v>
      </c>
      <c r="J1650" s="52">
        <v>5.7</v>
      </c>
      <c r="K1650" s="53">
        <v>0</v>
      </c>
    </row>
    <row r="1651" spans="1:12" ht="21.6" x14ac:dyDescent="0.2">
      <c r="B1651" s="76"/>
      <c r="C1651" s="39" t="s">
        <v>59</v>
      </c>
      <c r="D1651" s="45">
        <v>1391</v>
      </c>
      <c r="E1651" s="46">
        <v>60</v>
      </c>
      <c r="F1651" s="46">
        <v>13.8</v>
      </c>
      <c r="G1651" s="46">
        <v>7.7</v>
      </c>
      <c r="H1651" s="46">
        <v>2.2000000000000002</v>
      </c>
      <c r="I1651" s="46">
        <v>8.6</v>
      </c>
      <c r="J1651" s="46">
        <v>7.5</v>
      </c>
      <c r="K1651" s="47">
        <v>0.1</v>
      </c>
    </row>
    <row r="1652" spans="1:12" x14ac:dyDescent="0.2">
      <c r="B1652" s="76"/>
      <c r="C1652" s="39" t="s">
        <v>60</v>
      </c>
      <c r="D1652" s="45">
        <v>1325</v>
      </c>
      <c r="E1652" s="46">
        <v>60.5</v>
      </c>
      <c r="F1652" s="46">
        <v>13.9</v>
      </c>
      <c r="G1652" s="46">
        <v>8</v>
      </c>
      <c r="H1652" s="46">
        <v>2.9</v>
      </c>
      <c r="I1652" s="46">
        <v>7.5</v>
      </c>
      <c r="J1652" s="46">
        <v>7.2</v>
      </c>
      <c r="K1652" s="47">
        <v>0.1</v>
      </c>
    </row>
    <row r="1653" spans="1:12" x14ac:dyDescent="0.2">
      <c r="B1653" s="76"/>
      <c r="C1653" s="39" t="s">
        <v>61</v>
      </c>
      <c r="D1653" s="45">
        <v>675</v>
      </c>
      <c r="E1653" s="46">
        <v>59.6</v>
      </c>
      <c r="F1653" s="46">
        <v>14.1</v>
      </c>
      <c r="G1653" s="46">
        <v>8.1</v>
      </c>
      <c r="H1653" s="46">
        <v>2.4</v>
      </c>
      <c r="I1653" s="46">
        <v>9.3000000000000007</v>
      </c>
      <c r="J1653" s="46">
        <v>6.4</v>
      </c>
      <c r="K1653" s="47">
        <v>0.1</v>
      </c>
    </row>
    <row r="1654" spans="1:12" x14ac:dyDescent="0.2">
      <c r="B1654" s="76"/>
      <c r="C1654" s="39" t="s">
        <v>62</v>
      </c>
      <c r="D1654" s="45">
        <v>1086</v>
      </c>
      <c r="E1654" s="46">
        <v>59.2</v>
      </c>
      <c r="F1654" s="46">
        <v>13</v>
      </c>
      <c r="G1654" s="46">
        <v>9.3000000000000007</v>
      </c>
      <c r="H1654" s="46">
        <v>3.1</v>
      </c>
      <c r="I1654" s="46">
        <v>8.4</v>
      </c>
      <c r="J1654" s="46">
        <v>7</v>
      </c>
      <c r="K1654" s="47">
        <v>0</v>
      </c>
    </row>
    <row r="1655" spans="1:12" ht="21.6" x14ac:dyDescent="0.2">
      <c r="B1655" s="76"/>
      <c r="C1655" s="39" t="s">
        <v>63</v>
      </c>
      <c r="D1655" s="45">
        <v>203</v>
      </c>
      <c r="E1655" s="46">
        <v>38.4</v>
      </c>
      <c r="F1655" s="46">
        <v>17.2</v>
      </c>
      <c r="G1655" s="46">
        <v>12.8</v>
      </c>
      <c r="H1655" s="46">
        <v>3.9</v>
      </c>
      <c r="I1655" s="46">
        <v>18.7</v>
      </c>
      <c r="J1655" s="46">
        <v>8.9</v>
      </c>
      <c r="K1655" s="47">
        <v>0</v>
      </c>
    </row>
    <row r="1656" spans="1:12" x14ac:dyDescent="0.2">
      <c r="B1656" s="76"/>
      <c r="C1656" s="39" t="s">
        <v>64</v>
      </c>
      <c r="D1656" s="45">
        <v>263</v>
      </c>
      <c r="E1656" s="46">
        <v>49</v>
      </c>
      <c r="F1656" s="46">
        <v>16.7</v>
      </c>
      <c r="G1656" s="46">
        <v>12.9</v>
      </c>
      <c r="H1656" s="46">
        <v>3.4</v>
      </c>
      <c r="I1656" s="46">
        <v>7.2</v>
      </c>
      <c r="J1656" s="46">
        <v>10.6</v>
      </c>
      <c r="K1656" s="47">
        <v>0</v>
      </c>
    </row>
    <row r="1657" spans="1:12" x14ac:dyDescent="0.2">
      <c r="B1657" s="76"/>
      <c r="C1657" s="39" t="s">
        <v>65</v>
      </c>
      <c r="D1657" s="45">
        <v>312</v>
      </c>
      <c r="E1657" s="46">
        <v>61.5</v>
      </c>
      <c r="F1657" s="46">
        <v>13.5</v>
      </c>
      <c r="G1657" s="46">
        <v>9</v>
      </c>
      <c r="H1657" s="46">
        <v>3.8</v>
      </c>
      <c r="I1657" s="46">
        <v>6.1</v>
      </c>
      <c r="J1657" s="46">
        <v>6.1</v>
      </c>
      <c r="K1657" s="47">
        <v>0</v>
      </c>
    </row>
    <row r="1658" spans="1:12" x14ac:dyDescent="0.2">
      <c r="B1658" s="76"/>
      <c r="C1658" s="39" t="s">
        <v>66</v>
      </c>
      <c r="D1658" s="45">
        <v>230</v>
      </c>
      <c r="E1658" s="46">
        <v>78.3</v>
      </c>
      <c r="F1658" s="46">
        <v>7</v>
      </c>
      <c r="G1658" s="46">
        <v>4.8</v>
      </c>
      <c r="H1658" s="46">
        <v>2.2000000000000002</v>
      </c>
      <c r="I1658" s="46">
        <v>3.9</v>
      </c>
      <c r="J1658" s="46">
        <v>3.9</v>
      </c>
      <c r="K1658" s="47">
        <v>0</v>
      </c>
    </row>
    <row r="1659" spans="1:12" x14ac:dyDescent="0.2">
      <c r="B1659" s="76"/>
      <c r="C1659" s="39" t="s">
        <v>67</v>
      </c>
      <c r="D1659" s="45">
        <v>78</v>
      </c>
      <c r="E1659" s="46">
        <v>82.1</v>
      </c>
      <c r="F1659" s="46">
        <v>5.0999999999999996</v>
      </c>
      <c r="G1659" s="46">
        <v>2.6</v>
      </c>
      <c r="H1659" s="46">
        <v>0</v>
      </c>
      <c r="I1659" s="46">
        <v>7.7</v>
      </c>
      <c r="J1659" s="46">
        <v>2.6</v>
      </c>
      <c r="K1659" s="47">
        <v>0</v>
      </c>
    </row>
    <row r="1660" spans="1:12" x14ac:dyDescent="0.2">
      <c r="B1660" s="76"/>
      <c r="C1660" s="39" t="s">
        <v>68</v>
      </c>
      <c r="D1660" s="45">
        <v>897</v>
      </c>
      <c r="E1660" s="46">
        <v>62.2</v>
      </c>
      <c r="F1660" s="46">
        <v>13.2</v>
      </c>
      <c r="G1660" s="46">
        <v>9.1</v>
      </c>
      <c r="H1660" s="46">
        <v>2.9</v>
      </c>
      <c r="I1660" s="46">
        <v>6.6</v>
      </c>
      <c r="J1660" s="46">
        <v>6</v>
      </c>
      <c r="K1660" s="47">
        <v>0</v>
      </c>
    </row>
    <row r="1661" spans="1:12" x14ac:dyDescent="0.2">
      <c r="B1661" s="76"/>
      <c r="C1661" s="39" t="s">
        <v>69</v>
      </c>
      <c r="D1661" s="45">
        <v>189</v>
      </c>
      <c r="E1661" s="46">
        <v>45</v>
      </c>
      <c r="F1661" s="46">
        <v>12.2</v>
      </c>
      <c r="G1661" s="46">
        <v>10.1</v>
      </c>
      <c r="H1661" s="46">
        <v>4.2</v>
      </c>
      <c r="I1661" s="46">
        <v>16.899999999999999</v>
      </c>
      <c r="J1661" s="46">
        <v>11.6</v>
      </c>
      <c r="K1661" s="47">
        <v>0</v>
      </c>
    </row>
    <row r="1662" spans="1:12" x14ac:dyDescent="0.2">
      <c r="B1662" s="76"/>
      <c r="C1662" s="39" t="s">
        <v>70</v>
      </c>
      <c r="D1662" s="45">
        <v>914</v>
      </c>
      <c r="E1662" s="46">
        <v>61.3</v>
      </c>
      <c r="F1662" s="46">
        <v>15.1</v>
      </c>
      <c r="G1662" s="46">
        <v>6.6</v>
      </c>
      <c r="H1662" s="46">
        <v>2.2000000000000002</v>
      </c>
      <c r="I1662" s="46">
        <v>7.8</v>
      </c>
      <c r="J1662" s="46">
        <v>6.9</v>
      </c>
      <c r="K1662" s="47">
        <v>0.2</v>
      </c>
    </row>
    <row r="1663" spans="1:12" ht="21.6" x14ac:dyDescent="0.2">
      <c r="B1663" s="76"/>
      <c r="C1663" s="39" t="s">
        <v>63</v>
      </c>
      <c r="D1663" s="45">
        <v>193</v>
      </c>
      <c r="E1663" s="46">
        <v>47.2</v>
      </c>
      <c r="F1663" s="46">
        <v>19.2</v>
      </c>
      <c r="G1663" s="46">
        <v>8.8000000000000007</v>
      </c>
      <c r="H1663" s="46">
        <v>3.6</v>
      </c>
      <c r="I1663" s="46">
        <v>12.4</v>
      </c>
      <c r="J1663" s="46">
        <v>8.3000000000000007</v>
      </c>
      <c r="K1663" s="47">
        <v>0.5</v>
      </c>
    </row>
    <row r="1664" spans="1:12" x14ac:dyDescent="0.2">
      <c r="B1664" s="76"/>
      <c r="C1664" s="39" t="s">
        <v>64</v>
      </c>
      <c r="D1664" s="45">
        <v>203</v>
      </c>
      <c r="E1664" s="46">
        <v>52.2</v>
      </c>
      <c r="F1664" s="46">
        <v>19.2</v>
      </c>
      <c r="G1664" s="46">
        <v>7.9</v>
      </c>
      <c r="H1664" s="46">
        <v>3</v>
      </c>
      <c r="I1664" s="46">
        <v>8.9</v>
      </c>
      <c r="J1664" s="46">
        <v>8.9</v>
      </c>
      <c r="K1664" s="47">
        <v>0</v>
      </c>
    </row>
    <row r="1665" spans="1:25" x14ac:dyDescent="0.2">
      <c r="B1665" s="76"/>
      <c r="C1665" s="39" t="s">
        <v>65</v>
      </c>
      <c r="D1665" s="45">
        <v>263</v>
      </c>
      <c r="E1665" s="46">
        <v>63.9</v>
      </c>
      <c r="F1665" s="46">
        <v>14.4</v>
      </c>
      <c r="G1665" s="46">
        <v>7.2</v>
      </c>
      <c r="H1665" s="46">
        <v>2.2999999999999998</v>
      </c>
      <c r="I1665" s="46">
        <v>7.2</v>
      </c>
      <c r="J1665" s="46">
        <v>4.9000000000000004</v>
      </c>
      <c r="K1665" s="47">
        <v>0</v>
      </c>
    </row>
    <row r="1666" spans="1:25" x14ac:dyDescent="0.2">
      <c r="B1666" s="76"/>
      <c r="C1666" s="39" t="s">
        <v>66</v>
      </c>
      <c r="D1666" s="45">
        <v>194</v>
      </c>
      <c r="E1666" s="46">
        <v>75.3</v>
      </c>
      <c r="F1666" s="46">
        <v>10.3</v>
      </c>
      <c r="G1666" s="46">
        <v>3.1</v>
      </c>
      <c r="H1666" s="46">
        <v>0.5</v>
      </c>
      <c r="I1666" s="46">
        <v>4.0999999999999996</v>
      </c>
      <c r="J1666" s="46">
        <v>6.7</v>
      </c>
      <c r="K1666" s="47">
        <v>0</v>
      </c>
    </row>
    <row r="1667" spans="1:25" x14ac:dyDescent="0.2">
      <c r="B1667" s="76"/>
      <c r="C1667" s="39" t="s">
        <v>67</v>
      </c>
      <c r="D1667" s="45">
        <v>61</v>
      </c>
      <c r="E1667" s="46">
        <v>80.3</v>
      </c>
      <c r="F1667" s="46">
        <v>6.6</v>
      </c>
      <c r="G1667" s="46">
        <v>3.3</v>
      </c>
      <c r="H1667" s="46">
        <v>0</v>
      </c>
      <c r="I1667" s="46">
        <v>3.3</v>
      </c>
      <c r="J1667" s="46">
        <v>4.9000000000000004</v>
      </c>
      <c r="K1667" s="47">
        <v>1.6</v>
      </c>
    </row>
    <row r="1668" spans="1:25" x14ac:dyDescent="0.2">
      <c r="B1668" s="76"/>
      <c r="C1668" s="39" t="s">
        <v>68</v>
      </c>
      <c r="D1668" s="45">
        <v>416</v>
      </c>
      <c r="E1668" s="46">
        <v>64.400000000000006</v>
      </c>
      <c r="F1668" s="46">
        <v>14.2</v>
      </c>
      <c r="G1668" s="46">
        <v>6.5</v>
      </c>
      <c r="H1668" s="46">
        <v>2.6</v>
      </c>
      <c r="I1668" s="46">
        <v>7</v>
      </c>
      <c r="J1668" s="46">
        <v>5</v>
      </c>
      <c r="K1668" s="47">
        <v>0.2</v>
      </c>
    </row>
    <row r="1669" spans="1:25" x14ac:dyDescent="0.2">
      <c r="B1669" s="76"/>
      <c r="C1669" s="40" t="s">
        <v>69</v>
      </c>
      <c r="D1669" s="48">
        <v>498</v>
      </c>
      <c r="E1669" s="49">
        <v>58.6</v>
      </c>
      <c r="F1669" s="49">
        <v>15.9</v>
      </c>
      <c r="G1669" s="49">
        <v>6.6</v>
      </c>
      <c r="H1669" s="49">
        <v>1.8</v>
      </c>
      <c r="I1669" s="49">
        <v>8.4</v>
      </c>
      <c r="J1669" s="49">
        <v>8.4</v>
      </c>
      <c r="K1669" s="50">
        <v>0.2</v>
      </c>
    </row>
    <row r="1670" spans="1:25" x14ac:dyDescent="0.2">
      <c r="B1670" s="7" t="s">
        <v>71</v>
      </c>
      <c r="C1670" s="4" t="s">
        <v>126</v>
      </c>
    </row>
    <row r="1671" spans="1:25" x14ac:dyDescent="0.2">
      <c r="B1671" s="4"/>
      <c r="C1671" s="4" t="s">
        <v>73</v>
      </c>
    </row>
    <row r="1673" spans="1:25" x14ac:dyDescent="0.2">
      <c r="A1673" s="26" t="s">
        <v>25</v>
      </c>
      <c r="B1673" t="s">
        <v>35</v>
      </c>
      <c r="C1673" t="s">
        <v>35</v>
      </c>
    </row>
    <row r="1674" spans="1:25" x14ac:dyDescent="0.2">
      <c r="B1674" s="74" t="s">
        <v>127</v>
      </c>
      <c r="C1674" s="75"/>
      <c r="D1674" s="75"/>
      <c r="E1674" s="75"/>
      <c r="F1674" s="75"/>
      <c r="G1674" s="75"/>
      <c r="H1674" s="75"/>
      <c r="I1674" s="75"/>
      <c r="J1674" s="75"/>
      <c r="K1674" s="75"/>
      <c r="L1674" s="75"/>
      <c r="M1674" s="75"/>
      <c r="N1674" s="75"/>
      <c r="O1674" s="75"/>
      <c r="P1674" s="75"/>
      <c r="Q1674" s="75"/>
      <c r="R1674" s="75"/>
      <c r="S1674" s="75"/>
      <c r="T1674" s="75"/>
      <c r="U1674" s="75"/>
      <c r="V1674" s="75"/>
      <c r="W1674" s="75"/>
      <c r="X1674" s="75"/>
      <c r="Y1674" s="75"/>
    </row>
    <row r="1675" spans="1:25" s="32" customFormat="1" ht="79.650000000000006" customHeight="1" x14ac:dyDescent="0.15">
      <c r="A1675" s="31"/>
      <c r="D1675" s="33" t="s">
        <v>242</v>
      </c>
      <c r="E1675" s="35" t="s">
        <v>331</v>
      </c>
      <c r="F1675" s="36" t="s">
        <v>332</v>
      </c>
      <c r="G1675" s="36" t="s">
        <v>333</v>
      </c>
      <c r="H1675" s="36" t="s">
        <v>334</v>
      </c>
      <c r="I1675" s="36" t="s">
        <v>335</v>
      </c>
      <c r="J1675" s="36" t="s">
        <v>336</v>
      </c>
      <c r="K1675" s="36" t="s">
        <v>337</v>
      </c>
      <c r="L1675" s="36" t="s">
        <v>338</v>
      </c>
      <c r="M1675" s="36" t="s">
        <v>339</v>
      </c>
      <c r="N1675" s="36" t="s">
        <v>264</v>
      </c>
      <c r="O1675" s="37" t="s">
        <v>307</v>
      </c>
      <c r="P1675" s="34" t="s">
        <v>251</v>
      </c>
    </row>
    <row r="1676" spans="1:25" x14ac:dyDescent="0.2">
      <c r="B1676" s="5"/>
      <c r="C1676" s="41" t="s">
        <v>38</v>
      </c>
      <c r="D1676" s="42">
        <v>301</v>
      </c>
      <c r="E1676" s="43">
        <v>3.3</v>
      </c>
      <c r="F1676" s="43">
        <v>4.7</v>
      </c>
      <c r="G1676" s="43">
        <v>4.3</v>
      </c>
      <c r="H1676" s="43">
        <v>11.3</v>
      </c>
      <c r="I1676" s="43">
        <v>4</v>
      </c>
      <c r="J1676" s="43">
        <v>43.2</v>
      </c>
      <c r="K1676" s="43">
        <v>30.6</v>
      </c>
      <c r="L1676" s="43">
        <v>0.7</v>
      </c>
      <c r="M1676" s="43">
        <v>13</v>
      </c>
      <c r="N1676" s="43">
        <v>8</v>
      </c>
      <c r="O1676" s="44">
        <v>11.3</v>
      </c>
    </row>
    <row r="1677" spans="1:25" x14ac:dyDescent="0.2">
      <c r="B1677" s="76" t="s">
        <v>37</v>
      </c>
      <c r="C1677" s="39" t="s">
        <v>39</v>
      </c>
      <c r="D1677" s="45">
        <v>12</v>
      </c>
      <c r="E1677" s="46">
        <v>8.3000000000000007</v>
      </c>
      <c r="F1677" s="46">
        <v>8.3000000000000007</v>
      </c>
      <c r="G1677" s="46">
        <v>8.3000000000000007</v>
      </c>
      <c r="H1677" s="46">
        <v>0</v>
      </c>
      <c r="I1677" s="46">
        <v>0</v>
      </c>
      <c r="J1677" s="46">
        <v>41.7</v>
      </c>
      <c r="K1677" s="46">
        <v>25</v>
      </c>
      <c r="L1677" s="46">
        <v>0</v>
      </c>
      <c r="M1677" s="46">
        <v>0</v>
      </c>
      <c r="N1677" s="46">
        <v>8.3000000000000007</v>
      </c>
      <c r="O1677" s="47">
        <v>25</v>
      </c>
    </row>
    <row r="1678" spans="1:25" x14ac:dyDescent="0.2">
      <c r="B1678" s="76"/>
      <c r="C1678" s="39" t="s">
        <v>40</v>
      </c>
      <c r="D1678" s="45">
        <v>52</v>
      </c>
      <c r="E1678" s="46">
        <v>1.9</v>
      </c>
      <c r="F1678" s="46">
        <v>5.8</v>
      </c>
      <c r="G1678" s="46">
        <v>1.9</v>
      </c>
      <c r="H1678" s="46">
        <v>13.5</v>
      </c>
      <c r="I1678" s="46">
        <v>3.8</v>
      </c>
      <c r="J1678" s="46">
        <v>38.5</v>
      </c>
      <c r="K1678" s="46">
        <v>26.9</v>
      </c>
      <c r="L1678" s="46">
        <v>0</v>
      </c>
      <c r="M1678" s="46">
        <v>15.4</v>
      </c>
      <c r="N1678" s="46">
        <v>5.8</v>
      </c>
      <c r="O1678" s="47">
        <v>11.5</v>
      </c>
    </row>
    <row r="1679" spans="1:25" ht="21.6" x14ac:dyDescent="0.2">
      <c r="B1679" s="76"/>
      <c r="C1679" s="39" t="s">
        <v>41</v>
      </c>
      <c r="D1679" s="45">
        <v>5</v>
      </c>
      <c r="E1679" s="46">
        <v>0</v>
      </c>
      <c r="F1679" s="46">
        <v>20</v>
      </c>
      <c r="G1679" s="46">
        <v>20</v>
      </c>
      <c r="H1679" s="46">
        <v>0</v>
      </c>
      <c r="I1679" s="46">
        <v>0</v>
      </c>
      <c r="J1679" s="46">
        <v>80</v>
      </c>
      <c r="K1679" s="46">
        <v>20</v>
      </c>
      <c r="L1679" s="46">
        <v>0</v>
      </c>
      <c r="M1679" s="46">
        <v>0</v>
      </c>
      <c r="N1679" s="46">
        <v>0</v>
      </c>
      <c r="O1679" s="47">
        <v>0</v>
      </c>
    </row>
    <row r="1680" spans="1:25" ht="21.6" x14ac:dyDescent="0.2">
      <c r="B1680" s="76"/>
      <c r="C1680" s="39" t="s">
        <v>42</v>
      </c>
      <c r="D1680" s="45">
        <v>43</v>
      </c>
      <c r="E1680" s="46">
        <v>0</v>
      </c>
      <c r="F1680" s="46">
        <v>2.2999999999999998</v>
      </c>
      <c r="G1680" s="46">
        <v>4.7</v>
      </c>
      <c r="H1680" s="46">
        <v>9.3000000000000007</v>
      </c>
      <c r="I1680" s="46">
        <v>2.2999999999999998</v>
      </c>
      <c r="J1680" s="46">
        <v>48.8</v>
      </c>
      <c r="K1680" s="46">
        <v>32.6</v>
      </c>
      <c r="L1680" s="46">
        <v>0</v>
      </c>
      <c r="M1680" s="46">
        <v>16.3</v>
      </c>
      <c r="N1680" s="46">
        <v>9.3000000000000007</v>
      </c>
      <c r="O1680" s="47">
        <v>14</v>
      </c>
    </row>
    <row r="1681" spans="2:15" ht="21.6" x14ac:dyDescent="0.2">
      <c r="B1681" s="76"/>
      <c r="C1681" s="39" t="s">
        <v>43</v>
      </c>
      <c r="D1681" s="45">
        <v>57</v>
      </c>
      <c r="E1681" s="46">
        <v>5.3</v>
      </c>
      <c r="F1681" s="46">
        <v>5.3</v>
      </c>
      <c r="G1681" s="46">
        <v>5.3</v>
      </c>
      <c r="H1681" s="46">
        <v>10.5</v>
      </c>
      <c r="I1681" s="46">
        <v>3.5</v>
      </c>
      <c r="J1681" s="46">
        <v>43.9</v>
      </c>
      <c r="K1681" s="46">
        <v>36.799999999999997</v>
      </c>
      <c r="L1681" s="46">
        <v>1.8</v>
      </c>
      <c r="M1681" s="46">
        <v>14</v>
      </c>
      <c r="N1681" s="46">
        <v>8.8000000000000007</v>
      </c>
      <c r="O1681" s="47">
        <v>7</v>
      </c>
    </row>
    <row r="1682" spans="2:15" ht="21.6" x14ac:dyDescent="0.2">
      <c r="B1682" s="76"/>
      <c r="C1682" s="39" t="s">
        <v>44</v>
      </c>
      <c r="D1682" s="45">
        <v>29</v>
      </c>
      <c r="E1682" s="46">
        <v>3.4</v>
      </c>
      <c r="F1682" s="46">
        <v>6.9</v>
      </c>
      <c r="G1682" s="46">
        <v>6.9</v>
      </c>
      <c r="H1682" s="46">
        <v>17.2</v>
      </c>
      <c r="I1682" s="46">
        <v>3.4</v>
      </c>
      <c r="J1682" s="46">
        <v>37.9</v>
      </c>
      <c r="K1682" s="46">
        <v>44.8</v>
      </c>
      <c r="L1682" s="46">
        <v>0</v>
      </c>
      <c r="M1682" s="46">
        <v>6.9</v>
      </c>
      <c r="N1682" s="46">
        <v>10.3</v>
      </c>
      <c r="O1682" s="47">
        <v>6.9</v>
      </c>
    </row>
    <row r="1683" spans="2:15" ht="21.6" x14ac:dyDescent="0.2">
      <c r="B1683" s="76"/>
      <c r="C1683" s="39" t="s">
        <v>45</v>
      </c>
      <c r="D1683" s="45">
        <v>103</v>
      </c>
      <c r="E1683" s="46">
        <v>3.9</v>
      </c>
      <c r="F1683" s="46">
        <v>2.9</v>
      </c>
      <c r="G1683" s="46">
        <v>2.9</v>
      </c>
      <c r="H1683" s="46">
        <v>11.7</v>
      </c>
      <c r="I1683" s="46">
        <v>5.8</v>
      </c>
      <c r="J1683" s="46">
        <v>42.7</v>
      </c>
      <c r="K1683" s="46">
        <v>25.2</v>
      </c>
      <c r="L1683" s="46">
        <v>1</v>
      </c>
      <c r="M1683" s="46">
        <v>13.6</v>
      </c>
      <c r="N1683" s="46">
        <v>7.8</v>
      </c>
      <c r="O1683" s="47">
        <v>12.6</v>
      </c>
    </row>
    <row r="1684" spans="2:15" ht="21.6" x14ac:dyDescent="0.2">
      <c r="B1684" s="76"/>
      <c r="C1684" s="39" t="s">
        <v>46</v>
      </c>
      <c r="D1684" s="45">
        <v>98</v>
      </c>
      <c r="E1684" s="46">
        <v>4.0999999999999996</v>
      </c>
      <c r="F1684" s="46">
        <v>5.0999999999999996</v>
      </c>
      <c r="G1684" s="46">
        <v>5.0999999999999996</v>
      </c>
      <c r="H1684" s="46">
        <v>9.1999999999999993</v>
      </c>
      <c r="I1684" s="46">
        <v>2</v>
      </c>
      <c r="J1684" s="46">
        <v>50</v>
      </c>
      <c r="K1684" s="46">
        <v>33.700000000000003</v>
      </c>
      <c r="L1684" s="46">
        <v>0</v>
      </c>
      <c r="M1684" s="46">
        <v>13.3</v>
      </c>
      <c r="N1684" s="46">
        <v>8.1999999999999993</v>
      </c>
      <c r="O1684" s="47">
        <v>7.1</v>
      </c>
    </row>
    <row r="1685" spans="2:15" ht="21.6" x14ac:dyDescent="0.2">
      <c r="B1685" s="76"/>
      <c r="C1685" s="39" t="s">
        <v>47</v>
      </c>
      <c r="D1685" s="45">
        <v>62</v>
      </c>
      <c r="E1685" s="46">
        <v>1.6</v>
      </c>
      <c r="F1685" s="46">
        <v>1.6</v>
      </c>
      <c r="G1685" s="46">
        <v>1.6</v>
      </c>
      <c r="H1685" s="46">
        <v>17.7</v>
      </c>
      <c r="I1685" s="46">
        <v>6.5</v>
      </c>
      <c r="J1685" s="46">
        <v>46.8</v>
      </c>
      <c r="K1685" s="46">
        <v>38.700000000000003</v>
      </c>
      <c r="L1685" s="46">
        <v>0</v>
      </c>
      <c r="M1685" s="46">
        <v>11.3</v>
      </c>
      <c r="N1685" s="46">
        <v>1.6</v>
      </c>
      <c r="O1685" s="47">
        <v>11.3</v>
      </c>
    </row>
    <row r="1686" spans="2:15" ht="21.6" x14ac:dyDescent="0.2">
      <c r="B1686" s="76"/>
      <c r="C1686" s="39" t="s">
        <v>48</v>
      </c>
      <c r="D1686" s="45">
        <v>31</v>
      </c>
      <c r="E1686" s="46">
        <v>3.2</v>
      </c>
      <c r="F1686" s="46">
        <v>6.5</v>
      </c>
      <c r="G1686" s="46">
        <v>0</v>
      </c>
      <c r="H1686" s="46">
        <v>9.6999999999999993</v>
      </c>
      <c r="I1686" s="46">
        <v>6.5</v>
      </c>
      <c r="J1686" s="46">
        <v>51.6</v>
      </c>
      <c r="K1686" s="46">
        <v>22.6</v>
      </c>
      <c r="L1686" s="46">
        <v>6.5</v>
      </c>
      <c r="M1686" s="46">
        <v>3.2</v>
      </c>
      <c r="N1686" s="46">
        <v>16.100000000000001</v>
      </c>
      <c r="O1686" s="47">
        <v>6.5</v>
      </c>
    </row>
    <row r="1687" spans="2:15" ht="21.6" x14ac:dyDescent="0.2">
      <c r="B1687" s="76"/>
      <c r="C1687" s="39" t="s">
        <v>49</v>
      </c>
      <c r="D1687" s="45">
        <v>24</v>
      </c>
      <c r="E1687" s="46">
        <v>0</v>
      </c>
      <c r="F1687" s="46">
        <v>8.3000000000000007</v>
      </c>
      <c r="G1687" s="46">
        <v>12.5</v>
      </c>
      <c r="H1687" s="46">
        <v>4.2</v>
      </c>
      <c r="I1687" s="46">
        <v>4.2</v>
      </c>
      <c r="J1687" s="46">
        <v>29.2</v>
      </c>
      <c r="K1687" s="46">
        <v>29.2</v>
      </c>
      <c r="L1687" s="46">
        <v>0</v>
      </c>
      <c r="M1687" s="46">
        <v>12.5</v>
      </c>
      <c r="N1687" s="46">
        <v>8.3000000000000007</v>
      </c>
      <c r="O1687" s="47">
        <v>12.5</v>
      </c>
    </row>
    <row r="1688" spans="2:15" ht="21.6" x14ac:dyDescent="0.2">
      <c r="B1688" s="76"/>
      <c r="C1688" s="39" t="s">
        <v>50</v>
      </c>
      <c r="D1688" s="45">
        <v>12</v>
      </c>
      <c r="E1688" s="46">
        <v>0</v>
      </c>
      <c r="F1688" s="46">
        <v>0</v>
      </c>
      <c r="G1688" s="46">
        <v>0</v>
      </c>
      <c r="H1688" s="46">
        <v>25</v>
      </c>
      <c r="I1688" s="46">
        <v>8.3000000000000007</v>
      </c>
      <c r="J1688" s="46">
        <v>16.7</v>
      </c>
      <c r="K1688" s="46">
        <v>50</v>
      </c>
      <c r="L1688" s="46">
        <v>0</v>
      </c>
      <c r="M1688" s="46">
        <v>25</v>
      </c>
      <c r="N1688" s="46">
        <v>33.299999999999997</v>
      </c>
      <c r="O1688" s="47">
        <v>0</v>
      </c>
    </row>
    <row r="1689" spans="2:15" ht="21.6" x14ac:dyDescent="0.2">
      <c r="B1689" s="76"/>
      <c r="C1689" s="39" t="s">
        <v>51</v>
      </c>
      <c r="D1689" s="45">
        <v>10</v>
      </c>
      <c r="E1689" s="46">
        <v>0</v>
      </c>
      <c r="F1689" s="46">
        <v>10</v>
      </c>
      <c r="G1689" s="46">
        <v>0</v>
      </c>
      <c r="H1689" s="46">
        <v>0</v>
      </c>
      <c r="I1689" s="46">
        <v>0</v>
      </c>
      <c r="J1689" s="46">
        <v>30</v>
      </c>
      <c r="K1689" s="46">
        <v>50</v>
      </c>
      <c r="L1689" s="46">
        <v>0</v>
      </c>
      <c r="M1689" s="46">
        <v>10</v>
      </c>
      <c r="N1689" s="46">
        <v>10</v>
      </c>
      <c r="O1689" s="47">
        <v>30</v>
      </c>
    </row>
    <row r="1690" spans="2:15" ht="21.6" x14ac:dyDescent="0.2">
      <c r="B1690" s="76"/>
      <c r="C1690" s="39" t="s">
        <v>52</v>
      </c>
      <c r="D1690" s="45">
        <v>57</v>
      </c>
      <c r="E1690" s="46">
        <v>3.5</v>
      </c>
      <c r="F1690" s="46">
        <v>5.3</v>
      </c>
      <c r="G1690" s="46">
        <v>1.8</v>
      </c>
      <c r="H1690" s="46">
        <v>12.3</v>
      </c>
      <c r="I1690" s="46">
        <v>1.8</v>
      </c>
      <c r="J1690" s="46">
        <v>43.9</v>
      </c>
      <c r="K1690" s="46">
        <v>36.799999999999997</v>
      </c>
      <c r="L1690" s="46">
        <v>0</v>
      </c>
      <c r="M1690" s="46">
        <v>15.8</v>
      </c>
      <c r="N1690" s="46">
        <v>8.8000000000000007</v>
      </c>
      <c r="O1690" s="47">
        <v>8.8000000000000007</v>
      </c>
    </row>
    <row r="1691" spans="2:15" x14ac:dyDescent="0.2">
      <c r="B1691" s="76"/>
      <c r="C1691" s="39" t="s">
        <v>53</v>
      </c>
      <c r="D1691" s="45">
        <v>38</v>
      </c>
      <c r="E1691" s="46">
        <v>2.6</v>
      </c>
      <c r="F1691" s="46">
        <v>2.6</v>
      </c>
      <c r="G1691" s="46">
        <v>10.5</v>
      </c>
      <c r="H1691" s="46">
        <v>7.9</v>
      </c>
      <c r="I1691" s="46">
        <v>2.6</v>
      </c>
      <c r="J1691" s="46">
        <v>39.5</v>
      </c>
      <c r="K1691" s="46">
        <v>28.9</v>
      </c>
      <c r="L1691" s="46">
        <v>0</v>
      </c>
      <c r="M1691" s="46">
        <v>21.1</v>
      </c>
      <c r="N1691" s="46">
        <v>5.3</v>
      </c>
      <c r="O1691" s="47">
        <v>10.5</v>
      </c>
    </row>
    <row r="1692" spans="2:15" ht="21.6" x14ac:dyDescent="0.2">
      <c r="B1692" s="76"/>
      <c r="C1692" s="39" t="s">
        <v>54</v>
      </c>
      <c r="D1692" s="45">
        <v>63</v>
      </c>
      <c r="E1692" s="46">
        <v>1.6</v>
      </c>
      <c r="F1692" s="46">
        <v>3.2</v>
      </c>
      <c r="G1692" s="46">
        <v>0</v>
      </c>
      <c r="H1692" s="46">
        <v>11.1</v>
      </c>
      <c r="I1692" s="46">
        <v>6.3</v>
      </c>
      <c r="J1692" s="46">
        <v>55.6</v>
      </c>
      <c r="K1692" s="46">
        <v>38.1</v>
      </c>
      <c r="L1692" s="46">
        <v>1.6</v>
      </c>
      <c r="M1692" s="46">
        <v>4.8</v>
      </c>
      <c r="N1692" s="46">
        <v>11.1</v>
      </c>
      <c r="O1692" s="47">
        <v>6.3</v>
      </c>
    </row>
    <row r="1693" spans="2:15" ht="21.6" x14ac:dyDescent="0.2">
      <c r="B1693" s="76"/>
      <c r="C1693" s="39" t="s">
        <v>55</v>
      </c>
      <c r="D1693" s="45">
        <v>76</v>
      </c>
      <c r="E1693" s="46">
        <v>2.6</v>
      </c>
      <c r="F1693" s="46">
        <v>5.3</v>
      </c>
      <c r="G1693" s="46">
        <v>6.6</v>
      </c>
      <c r="H1693" s="46">
        <v>15.8</v>
      </c>
      <c r="I1693" s="46">
        <v>1.3</v>
      </c>
      <c r="J1693" s="46">
        <v>38.200000000000003</v>
      </c>
      <c r="K1693" s="46">
        <v>28.9</v>
      </c>
      <c r="L1693" s="46">
        <v>0</v>
      </c>
      <c r="M1693" s="46">
        <v>14.5</v>
      </c>
      <c r="N1693" s="46">
        <v>7.9</v>
      </c>
      <c r="O1693" s="47">
        <v>9.1999999999999993</v>
      </c>
    </row>
    <row r="1694" spans="2:15" ht="21.6" x14ac:dyDescent="0.2">
      <c r="B1694" s="76"/>
      <c r="C1694" s="39" t="s">
        <v>56</v>
      </c>
      <c r="D1694" s="45">
        <v>98</v>
      </c>
      <c r="E1694" s="46">
        <v>3.1</v>
      </c>
      <c r="F1694" s="46">
        <v>9.1999999999999993</v>
      </c>
      <c r="G1694" s="46">
        <v>4.0999999999999996</v>
      </c>
      <c r="H1694" s="46">
        <v>15.3</v>
      </c>
      <c r="I1694" s="46">
        <v>5.0999999999999996</v>
      </c>
      <c r="J1694" s="46">
        <v>36.700000000000003</v>
      </c>
      <c r="K1694" s="46">
        <v>36.700000000000003</v>
      </c>
      <c r="L1694" s="46">
        <v>0</v>
      </c>
      <c r="M1694" s="46">
        <v>8.1999999999999993</v>
      </c>
      <c r="N1694" s="46">
        <v>6.1</v>
      </c>
      <c r="O1694" s="47">
        <v>13.3</v>
      </c>
    </row>
    <row r="1695" spans="2:15" x14ac:dyDescent="0.2">
      <c r="B1695" s="76"/>
      <c r="C1695" s="40" t="s">
        <v>57</v>
      </c>
      <c r="D1695" s="48">
        <v>107</v>
      </c>
      <c r="E1695" s="49">
        <v>2.8</v>
      </c>
      <c r="F1695" s="49">
        <v>1.9</v>
      </c>
      <c r="G1695" s="49">
        <v>2.8</v>
      </c>
      <c r="H1695" s="49">
        <v>15</v>
      </c>
      <c r="I1695" s="49">
        <v>3.7</v>
      </c>
      <c r="J1695" s="49">
        <v>43</v>
      </c>
      <c r="K1695" s="49">
        <v>29.9</v>
      </c>
      <c r="L1695" s="49">
        <v>0</v>
      </c>
      <c r="M1695" s="49">
        <v>12.1</v>
      </c>
      <c r="N1695" s="49">
        <v>10.3</v>
      </c>
      <c r="O1695" s="50">
        <v>8.4</v>
      </c>
    </row>
    <row r="1696" spans="2:15" x14ac:dyDescent="0.2">
      <c r="B1696" s="7" t="s">
        <v>71</v>
      </c>
      <c r="C1696" s="4" t="s">
        <v>128</v>
      </c>
    </row>
    <row r="1697" spans="1:25" x14ac:dyDescent="0.2">
      <c r="B1697" s="4"/>
      <c r="C1697" s="4" t="s">
        <v>73</v>
      </c>
    </row>
    <row r="1699" spans="1:25" x14ac:dyDescent="0.2">
      <c r="C1699" t="s">
        <v>35</v>
      </c>
    </row>
    <row r="1700" spans="1:25" x14ac:dyDescent="0.2">
      <c r="B1700" s="74" t="s">
        <v>210</v>
      </c>
      <c r="C1700" s="75"/>
      <c r="D1700" s="75"/>
      <c r="E1700" s="75"/>
      <c r="F1700" s="75"/>
      <c r="G1700" s="75"/>
      <c r="H1700" s="75"/>
      <c r="I1700" s="75"/>
      <c r="J1700" s="75"/>
      <c r="K1700" s="75"/>
      <c r="L1700" s="75"/>
      <c r="M1700" s="75"/>
      <c r="N1700" s="75"/>
      <c r="O1700" s="75"/>
      <c r="P1700" s="75"/>
      <c r="Q1700" s="75"/>
      <c r="R1700" s="75"/>
      <c r="S1700" s="75"/>
      <c r="T1700" s="75"/>
      <c r="U1700" s="75"/>
      <c r="V1700" s="75"/>
      <c r="W1700" s="75"/>
      <c r="X1700" s="75"/>
      <c r="Y1700" s="75"/>
    </row>
    <row r="1701" spans="1:25" s="32" customFormat="1" ht="79.650000000000006" customHeight="1" x14ac:dyDescent="0.15">
      <c r="A1701" s="31"/>
      <c r="D1701" s="33" t="s">
        <v>242</v>
      </c>
      <c r="E1701" s="35" t="s">
        <v>331</v>
      </c>
      <c r="F1701" s="36" t="s">
        <v>332</v>
      </c>
      <c r="G1701" s="36" t="s">
        <v>333</v>
      </c>
      <c r="H1701" s="36" t="s">
        <v>334</v>
      </c>
      <c r="I1701" s="36" t="s">
        <v>335</v>
      </c>
      <c r="J1701" s="36" t="s">
        <v>336</v>
      </c>
      <c r="K1701" s="36" t="s">
        <v>337</v>
      </c>
      <c r="L1701" s="36" t="s">
        <v>338</v>
      </c>
      <c r="M1701" s="36" t="s">
        <v>339</v>
      </c>
      <c r="N1701" s="36" t="s">
        <v>264</v>
      </c>
      <c r="O1701" s="37" t="s">
        <v>307</v>
      </c>
      <c r="P1701" s="34" t="s">
        <v>251</v>
      </c>
    </row>
    <row r="1702" spans="1:25" ht="21.6" x14ac:dyDescent="0.2">
      <c r="B1702" s="76" t="s">
        <v>37</v>
      </c>
      <c r="C1702" s="38" t="s">
        <v>58</v>
      </c>
      <c r="D1702" s="51">
        <v>77</v>
      </c>
      <c r="E1702" s="52">
        <v>2.6</v>
      </c>
      <c r="F1702" s="52">
        <v>10.4</v>
      </c>
      <c r="G1702" s="52">
        <v>3.9</v>
      </c>
      <c r="H1702" s="52">
        <v>11.7</v>
      </c>
      <c r="I1702" s="52">
        <v>3.9</v>
      </c>
      <c r="J1702" s="52">
        <v>41.6</v>
      </c>
      <c r="K1702" s="52">
        <v>33.799999999999997</v>
      </c>
      <c r="L1702" s="52">
        <v>0</v>
      </c>
      <c r="M1702" s="52">
        <v>6.5</v>
      </c>
      <c r="N1702" s="52">
        <v>1.3</v>
      </c>
      <c r="O1702" s="53">
        <v>15.6</v>
      </c>
    </row>
    <row r="1703" spans="1:25" ht="21.6" x14ac:dyDescent="0.2">
      <c r="B1703" s="76"/>
      <c r="C1703" s="39" t="s">
        <v>59</v>
      </c>
      <c r="D1703" s="45">
        <v>224</v>
      </c>
      <c r="E1703" s="46">
        <v>3.6</v>
      </c>
      <c r="F1703" s="46">
        <v>2.7</v>
      </c>
      <c r="G1703" s="46">
        <v>4.5</v>
      </c>
      <c r="H1703" s="46">
        <v>11.2</v>
      </c>
      <c r="I1703" s="46">
        <v>4</v>
      </c>
      <c r="J1703" s="46">
        <v>43.8</v>
      </c>
      <c r="K1703" s="46">
        <v>29.5</v>
      </c>
      <c r="L1703" s="46">
        <v>0.9</v>
      </c>
      <c r="M1703" s="46">
        <v>15.2</v>
      </c>
      <c r="N1703" s="46">
        <v>10.3</v>
      </c>
      <c r="O1703" s="47">
        <v>9.8000000000000007</v>
      </c>
    </row>
    <row r="1704" spans="1:25" x14ac:dyDescent="0.2">
      <c r="B1704" s="76"/>
      <c r="C1704" s="39" t="s">
        <v>60</v>
      </c>
      <c r="D1704" s="45">
        <v>195</v>
      </c>
      <c r="E1704" s="46">
        <v>3.1</v>
      </c>
      <c r="F1704" s="46">
        <v>3.6</v>
      </c>
      <c r="G1704" s="46">
        <v>3.1</v>
      </c>
      <c r="H1704" s="46">
        <v>13.3</v>
      </c>
      <c r="I1704" s="46">
        <v>2.6</v>
      </c>
      <c r="J1704" s="46">
        <v>42.6</v>
      </c>
      <c r="K1704" s="46">
        <v>33.799999999999997</v>
      </c>
      <c r="L1704" s="46">
        <v>0.5</v>
      </c>
      <c r="M1704" s="46">
        <v>14.9</v>
      </c>
      <c r="N1704" s="46">
        <v>7.7</v>
      </c>
      <c r="O1704" s="47">
        <v>12.3</v>
      </c>
    </row>
    <row r="1705" spans="1:25" x14ac:dyDescent="0.2">
      <c r="B1705" s="76"/>
      <c r="C1705" s="39" t="s">
        <v>61</v>
      </c>
      <c r="D1705" s="45">
        <v>106</v>
      </c>
      <c r="E1705" s="46">
        <v>3.8</v>
      </c>
      <c r="F1705" s="46">
        <v>6.6</v>
      </c>
      <c r="G1705" s="46">
        <v>6.6</v>
      </c>
      <c r="H1705" s="46">
        <v>7.5</v>
      </c>
      <c r="I1705" s="46">
        <v>6.6</v>
      </c>
      <c r="J1705" s="46">
        <v>44.3</v>
      </c>
      <c r="K1705" s="46">
        <v>24.5</v>
      </c>
      <c r="L1705" s="46">
        <v>0.9</v>
      </c>
      <c r="M1705" s="46">
        <v>9.4</v>
      </c>
      <c r="N1705" s="46">
        <v>8.5</v>
      </c>
      <c r="O1705" s="47">
        <v>9.4</v>
      </c>
    </row>
    <row r="1706" spans="1:25" x14ac:dyDescent="0.2">
      <c r="B1706" s="76"/>
      <c r="C1706" s="39" t="s">
        <v>62</v>
      </c>
      <c r="D1706" s="45">
        <v>167</v>
      </c>
      <c r="E1706" s="46">
        <v>1.8</v>
      </c>
      <c r="F1706" s="46">
        <v>5.4</v>
      </c>
      <c r="G1706" s="46">
        <v>4.2</v>
      </c>
      <c r="H1706" s="46">
        <v>9</v>
      </c>
      <c r="I1706" s="46">
        <v>0</v>
      </c>
      <c r="J1706" s="46">
        <v>39.5</v>
      </c>
      <c r="K1706" s="46">
        <v>31.7</v>
      </c>
      <c r="L1706" s="46">
        <v>1.2</v>
      </c>
      <c r="M1706" s="46">
        <v>15</v>
      </c>
      <c r="N1706" s="46">
        <v>7.8</v>
      </c>
      <c r="O1706" s="47">
        <v>16.2</v>
      </c>
    </row>
    <row r="1707" spans="1:25" ht="21.6" x14ac:dyDescent="0.2">
      <c r="B1707" s="76"/>
      <c r="C1707" s="39" t="s">
        <v>63</v>
      </c>
      <c r="D1707" s="45">
        <v>56</v>
      </c>
      <c r="E1707" s="46">
        <v>1.8</v>
      </c>
      <c r="F1707" s="46">
        <v>8.9</v>
      </c>
      <c r="G1707" s="46">
        <v>8.9</v>
      </c>
      <c r="H1707" s="46">
        <v>5.4</v>
      </c>
      <c r="I1707" s="46">
        <v>0</v>
      </c>
      <c r="J1707" s="46">
        <v>35.700000000000003</v>
      </c>
      <c r="K1707" s="46">
        <v>35.700000000000003</v>
      </c>
      <c r="L1707" s="46">
        <v>0</v>
      </c>
      <c r="M1707" s="46">
        <v>10.7</v>
      </c>
      <c r="N1707" s="46">
        <v>5.4</v>
      </c>
      <c r="O1707" s="47">
        <v>16.100000000000001</v>
      </c>
    </row>
    <row r="1708" spans="1:25" x14ac:dyDescent="0.2">
      <c r="B1708" s="76"/>
      <c r="C1708" s="39" t="s">
        <v>64</v>
      </c>
      <c r="D1708" s="45">
        <v>47</v>
      </c>
      <c r="E1708" s="46">
        <v>4.3</v>
      </c>
      <c r="F1708" s="46">
        <v>4.3</v>
      </c>
      <c r="G1708" s="46">
        <v>2.1</v>
      </c>
      <c r="H1708" s="46">
        <v>10.6</v>
      </c>
      <c r="I1708" s="46">
        <v>0</v>
      </c>
      <c r="J1708" s="46">
        <v>36.200000000000003</v>
      </c>
      <c r="K1708" s="46">
        <v>27.7</v>
      </c>
      <c r="L1708" s="46">
        <v>2.1</v>
      </c>
      <c r="M1708" s="46">
        <v>21.3</v>
      </c>
      <c r="N1708" s="46">
        <v>4.3</v>
      </c>
      <c r="O1708" s="47">
        <v>17</v>
      </c>
    </row>
    <row r="1709" spans="1:25" x14ac:dyDescent="0.2">
      <c r="B1709" s="76"/>
      <c r="C1709" s="39" t="s">
        <v>65</v>
      </c>
      <c r="D1709" s="45">
        <v>38</v>
      </c>
      <c r="E1709" s="46">
        <v>0</v>
      </c>
      <c r="F1709" s="46">
        <v>0</v>
      </c>
      <c r="G1709" s="46">
        <v>2.6</v>
      </c>
      <c r="H1709" s="46">
        <v>7.9</v>
      </c>
      <c r="I1709" s="46">
        <v>0</v>
      </c>
      <c r="J1709" s="46">
        <v>44.7</v>
      </c>
      <c r="K1709" s="46">
        <v>28.9</v>
      </c>
      <c r="L1709" s="46">
        <v>0</v>
      </c>
      <c r="M1709" s="46">
        <v>18.399999999999999</v>
      </c>
      <c r="N1709" s="46">
        <v>10.5</v>
      </c>
      <c r="O1709" s="47">
        <v>18.399999999999999</v>
      </c>
    </row>
    <row r="1710" spans="1:25" x14ac:dyDescent="0.2">
      <c r="B1710" s="76"/>
      <c r="C1710" s="39" t="s">
        <v>66</v>
      </c>
      <c r="D1710" s="45">
        <v>18</v>
      </c>
      <c r="E1710" s="46">
        <v>0</v>
      </c>
      <c r="F1710" s="46">
        <v>5.6</v>
      </c>
      <c r="G1710" s="46">
        <v>0</v>
      </c>
      <c r="H1710" s="46">
        <v>11.1</v>
      </c>
      <c r="I1710" s="46">
        <v>0</v>
      </c>
      <c r="J1710" s="46">
        <v>33.299999999999997</v>
      </c>
      <c r="K1710" s="46">
        <v>33.299999999999997</v>
      </c>
      <c r="L1710" s="46">
        <v>5.6</v>
      </c>
      <c r="M1710" s="46">
        <v>11.1</v>
      </c>
      <c r="N1710" s="46">
        <v>22.2</v>
      </c>
      <c r="O1710" s="47">
        <v>11.1</v>
      </c>
    </row>
    <row r="1711" spans="1:25" x14ac:dyDescent="0.2">
      <c r="B1711" s="76"/>
      <c r="C1711" s="39" t="s">
        <v>67</v>
      </c>
      <c r="D1711" s="45">
        <v>8</v>
      </c>
      <c r="E1711" s="46">
        <v>0</v>
      </c>
      <c r="F1711" s="46">
        <v>12.5</v>
      </c>
      <c r="G1711" s="46">
        <v>0</v>
      </c>
      <c r="H1711" s="46">
        <v>25</v>
      </c>
      <c r="I1711" s="46">
        <v>0</v>
      </c>
      <c r="J1711" s="46">
        <v>75</v>
      </c>
      <c r="K1711" s="46">
        <v>37.5</v>
      </c>
      <c r="L1711" s="46">
        <v>0</v>
      </c>
      <c r="M1711" s="46">
        <v>0</v>
      </c>
      <c r="N1711" s="46">
        <v>0</v>
      </c>
      <c r="O1711" s="47">
        <v>12.5</v>
      </c>
    </row>
    <row r="1712" spans="1:25" x14ac:dyDescent="0.2">
      <c r="B1712" s="76"/>
      <c r="C1712" s="39" t="s">
        <v>68</v>
      </c>
      <c r="D1712" s="45">
        <v>113</v>
      </c>
      <c r="E1712" s="46">
        <v>0.9</v>
      </c>
      <c r="F1712" s="46">
        <v>4.4000000000000004</v>
      </c>
      <c r="G1712" s="46">
        <v>3.5</v>
      </c>
      <c r="H1712" s="46">
        <v>11.5</v>
      </c>
      <c r="I1712" s="46">
        <v>0</v>
      </c>
      <c r="J1712" s="46">
        <v>36.299999999999997</v>
      </c>
      <c r="K1712" s="46">
        <v>28.3</v>
      </c>
      <c r="L1712" s="46">
        <v>1.8</v>
      </c>
      <c r="M1712" s="46">
        <v>14.2</v>
      </c>
      <c r="N1712" s="46">
        <v>8.8000000000000007</v>
      </c>
      <c r="O1712" s="47">
        <v>17.7</v>
      </c>
    </row>
    <row r="1713" spans="1:25" x14ac:dyDescent="0.2">
      <c r="B1713" s="76"/>
      <c r="C1713" s="39" t="s">
        <v>69</v>
      </c>
      <c r="D1713" s="45">
        <v>54</v>
      </c>
      <c r="E1713" s="46">
        <v>3.7</v>
      </c>
      <c r="F1713" s="46">
        <v>7.4</v>
      </c>
      <c r="G1713" s="46">
        <v>5.6</v>
      </c>
      <c r="H1713" s="46">
        <v>3.7</v>
      </c>
      <c r="I1713" s="46">
        <v>0</v>
      </c>
      <c r="J1713" s="46">
        <v>46.3</v>
      </c>
      <c r="K1713" s="46">
        <v>38.9</v>
      </c>
      <c r="L1713" s="46">
        <v>0</v>
      </c>
      <c r="M1713" s="46">
        <v>16.7</v>
      </c>
      <c r="N1713" s="46">
        <v>5.6</v>
      </c>
      <c r="O1713" s="47">
        <v>13</v>
      </c>
    </row>
    <row r="1714" spans="1:25" x14ac:dyDescent="0.2">
      <c r="B1714" s="76"/>
      <c r="C1714" s="39" t="s">
        <v>70</v>
      </c>
      <c r="D1714" s="45">
        <v>134</v>
      </c>
      <c r="E1714" s="46">
        <v>5.2</v>
      </c>
      <c r="F1714" s="46">
        <v>3.7</v>
      </c>
      <c r="G1714" s="46">
        <v>4.5</v>
      </c>
      <c r="H1714" s="46">
        <v>14.2</v>
      </c>
      <c r="I1714" s="46">
        <v>9</v>
      </c>
      <c r="J1714" s="46">
        <v>47.8</v>
      </c>
      <c r="K1714" s="46">
        <v>29.1</v>
      </c>
      <c r="L1714" s="46">
        <v>0</v>
      </c>
      <c r="M1714" s="46">
        <v>10.4</v>
      </c>
      <c r="N1714" s="46">
        <v>8.1999999999999993</v>
      </c>
      <c r="O1714" s="47">
        <v>5.2</v>
      </c>
    </row>
    <row r="1715" spans="1:25" ht="21.6" x14ac:dyDescent="0.2">
      <c r="B1715" s="76"/>
      <c r="C1715" s="39" t="s">
        <v>63</v>
      </c>
      <c r="D1715" s="45">
        <v>40</v>
      </c>
      <c r="E1715" s="46">
        <v>12.5</v>
      </c>
      <c r="F1715" s="46">
        <v>7.5</v>
      </c>
      <c r="G1715" s="46">
        <v>0</v>
      </c>
      <c r="H1715" s="46">
        <v>5</v>
      </c>
      <c r="I1715" s="46">
        <v>17.5</v>
      </c>
      <c r="J1715" s="46">
        <v>52.5</v>
      </c>
      <c r="K1715" s="46">
        <v>32.5</v>
      </c>
      <c r="L1715" s="46">
        <v>0</v>
      </c>
      <c r="M1715" s="46">
        <v>12.5</v>
      </c>
      <c r="N1715" s="46">
        <v>0</v>
      </c>
      <c r="O1715" s="47">
        <v>5</v>
      </c>
    </row>
    <row r="1716" spans="1:25" x14ac:dyDescent="0.2">
      <c r="B1716" s="76"/>
      <c r="C1716" s="39" t="s">
        <v>64</v>
      </c>
      <c r="D1716" s="45">
        <v>36</v>
      </c>
      <c r="E1716" s="46">
        <v>2.8</v>
      </c>
      <c r="F1716" s="46">
        <v>2.8</v>
      </c>
      <c r="G1716" s="46">
        <v>8.3000000000000007</v>
      </c>
      <c r="H1716" s="46">
        <v>25</v>
      </c>
      <c r="I1716" s="46">
        <v>11.1</v>
      </c>
      <c r="J1716" s="46">
        <v>38.9</v>
      </c>
      <c r="K1716" s="46">
        <v>25</v>
      </c>
      <c r="L1716" s="46">
        <v>0</v>
      </c>
      <c r="M1716" s="46">
        <v>5.6</v>
      </c>
      <c r="N1716" s="46">
        <v>11.1</v>
      </c>
      <c r="O1716" s="47">
        <v>0</v>
      </c>
    </row>
    <row r="1717" spans="1:25" x14ac:dyDescent="0.2">
      <c r="B1717" s="76"/>
      <c r="C1717" s="39" t="s">
        <v>65</v>
      </c>
      <c r="D1717" s="45">
        <v>32</v>
      </c>
      <c r="E1717" s="46">
        <v>3.1</v>
      </c>
      <c r="F1717" s="46">
        <v>0</v>
      </c>
      <c r="G1717" s="46">
        <v>9.4</v>
      </c>
      <c r="H1717" s="46">
        <v>6.3</v>
      </c>
      <c r="I1717" s="46">
        <v>3.1</v>
      </c>
      <c r="J1717" s="46">
        <v>46.9</v>
      </c>
      <c r="K1717" s="46">
        <v>28.1</v>
      </c>
      <c r="L1717" s="46">
        <v>0</v>
      </c>
      <c r="M1717" s="46">
        <v>12.5</v>
      </c>
      <c r="N1717" s="46">
        <v>15.6</v>
      </c>
      <c r="O1717" s="47">
        <v>9.4</v>
      </c>
    </row>
    <row r="1718" spans="1:25" x14ac:dyDescent="0.2">
      <c r="B1718" s="76"/>
      <c r="C1718" s="39" t="s">
        <v>66</v>
      </c>
      <c r="D1718" s="45">
        <v>21</v>
      </c>
      <c r="E1718" s="46">
        <v>0</v>
      </c>
      <c r="F1718" s="46">
        <v>4.8</v>
      </c>
      <c r="G1718" s="46">
        <v>0</v>
      </c>
      <c r="H1718" s="46">
        <v>19</v>
      </c>
      <c r="I1718" s="46">
        <v>0</v>
      </c>
      <c r="J1718" s="46">
        <v>52.4</v>
      </c>
      <c r="K1718" s="46">
        <v>33.299999999999997</v>
      </c>
      <c r="L1718" s="46">
        <v>0</v>
      </c>
      <c r="M1718" s="46">
        <v>9.5</v>
      </c>
      <c r="N1718" s="46">
        <v>9.5</v>
      </c>
      <c r="O1718" s="47">
        <v>9.5</v>
      </c>
    </row>
    <row r="1719" spans="1:25" x14ac:dyDescent="0.2">
      <c r="B1719" s="76"/>
      <c r="C1719" s="39" t="s">
        <v>67</v>
      </c>
      <c r="D1719" s="45">
        <v>5</v>
      </c>
      <c r="E1719" s="46">
        <v>0</v>
      </c>
      <c r="F1719" s="46">
        <v>0</v>
      </c>
      <c r="G1719" s="46">
        <v>0</v>
      </c>
      <c r="H1719" s="46">
        <v>40</v>
      </c>
      <c r="I1719" s="46">
        <v>0</v>
      </c>
      <c r="J1719" s="46">
        <v>60</v>
      </c>
      <c r="K1719" s="46">
        <v>20</v>
      </c>
      <c r="L1719" s="46">
        <v>0</v>
      </c>
      <c r="M1719" s="46">
        <v>20</v>
      </c>
      <c r="N1719" s="46">
        <v>0</v>
      </c>
      <c r="O1719" s="47">
        <v>0</v>
      </c>
    </row>
    <row r="1720" spans="1:25" x14ac:dyDescent="0.2">
      <c r="B1720" s="76"/>
      <c r="C1720" s="39" t="s">
        <v>68</v>
      </c>
      <c r="D1720" s="45">
        <v>50</v>
      </c>
      <c r="E1720" s="46">
        <v>2</v>
      </c>
      <c r="F1720" s="46">
        <v>4</v>
      </c>
      <c r="G1720" s="46">
        <v>4</v>
      </c>
      <c r="H1720" s="46">
        <v>12</v>
      </c>
      <c r="I1720" s="46">
        <v>10</v>
      </c>
      <c r="J1720" s="46">
        <v>40</v>
      </c>
      <c r="K1720" s="46">
        <v>46</v>
      </c>
      <c r="L1720" s="46">
        <v>0</v>
      </c>
      <c r="M1720" s="46">
        <v>6</v>
      </c>
      <c r="N1720" s="46">
        <v>10</v>
      </c>
      <c r="O1720" s="47">
        <v>6</v>
      </c>
    </row>
    <row r="1721" spans="1:25" x14ac:dyDescent="0.2">
      <c r="B1721" s="76"/>
      <c r="C1721" s="40" t="s">
        <v>69</v>
      </c>
      <c r="D1721" s="48">
        <v>84</v>
      </c>
      <c r="E1721" s="49">
        <v>7.1</v>
      </c>
      <c r="F1721" s="49">
        <v>3.6</v>
      </c>
      <c r="G1721" s="49">
        <v>4.8</v>
      </c>
      <c r="H1721" s="49">
        <v>15.5</v>
      </c>
      <c r="I1721" s="49">
        <v>8.3000000000000007</v>
      </c>
      <c r="J1721" s="49">
        <v>52.4</v>
      </c>
      <c r="K1721" s="49">
        <v>19</v>
      </c>
      <c r="L1721" s="49">
        <v>0</v>
      </c>
      <c r="M1721" s="49">
        <v>13.1</v>
      </c>
      <c r="N1721" s="49">
        <v>7.1</v>
      </c>
      <c r="O1721" s="50">
        <v>4.8</v>
      </c>
    </row>
    <row r="1722" spans="1:25" x14ac:dyDescent="0.2">
      <c r="B1722" s="7" t="s">
        <v>71</v>
      </c>
      <c r="C1722" s="4" t="s">
        <v>128</v>
      </c>
    </row>
    <row r="1723" spans="1:25" x14ac:dyDescent="0.2">
      <c r="B1723" s="4"/>
      <c r="C1723" s="4" t="s">
        <v>73</v>
      </c>
    </row>
    <row r="1725" spans="1:25" x14ac:dyDescent="0.2">
      <c r="A1725" s="26" t="s">
        <v>25</v>
      </c>
      <c r="B1725" t="s">
        <v>35</v>
      </c>
      <c r="C1725" t="s">
        <v>35</v>
      </c>
    </row>
    <row r="1726" spans="1:25" x14ac:dyDescent="0.2">
      <c r="B1726" s="74" t="s">
        <v>129</v>
      </c>
      <c r="C1726" s="75"/>
      <c r="D1726" s="75"/>
      <c r="E1726" s="75"/>
      <c r="F1726" s="75"/>
      <c r="G1726" s="75"/>
      <c r="H1726" s="75"/>
      <c r="I1726" s="75"/>
      <c r="J1726" s="75"/>
      <c r="K1726" s="75"/>
      <c r="L1726" s="75"/>
      <c r="M1726" s="75"/>
      <c r="N1726" s="75"/>
      <c r="O1726" s="75"/>
      <c r="P1726" s="75"/>
      <c r="Q1726" s="75"/>
      <c r="R1726" s="75"/>
      <c r="S1726" s="75"/>
      <c r="T1726" s="75"/>
      <c r="U1726" s="75"/>
      <c r="V1726" s="75"/>
      <c r="W1726" s="75"/>
      <c r="X1726" s="75"/>
      <c r="Y1726" s="75"/>
    </row>
    <row r="1727" spans="1:25" s="32" customFormat="1" ht="47.25" customHeight="1" x14ac:dyDescent="0.15">
      <c r="A1727" s="31"/>
      <c r="D1727" s="33" t="s">
        <v>242</v>
      </c>
      <c r="E1727" s="35" t="s">
        <v>340</v>
      </c>
      <c r="F1727" s="36" t="s">
        <v>341</v>
      </c>
      <c r="G1727" s="36" t="s">
        <v>342</v>
      </c>
      <c r="H1727" s="36" t="s">
        <v>343</v>
      </c>
      <c r="I1727" s="36" t="s">
        <v>344</v>
      </c>
      <c r="J1727" s="37" t="s">
        <v>345</v>
      </c>
      <c r="K1727" s="34" t="s">
        <v>251</v>
      </c>
    </row>
    <row r="1728" spans="1:25" x14ac:dyDescent="0.2">
      <c r="B1728" s="5"/>
      <c r="C1728" s="41" t="s">
        <v>38</v>
      </c>
      <c r="D1728" s="42">
        <v>2000</v>
      </c>
      <c r="E1728" s="43">
        <v>1.4</v>
      </c>
      <c r="F1728" s="43">
        <v>23</v>
      </c>
      <c r="G1728" s="43">
        <v>10.8</v>
      </c>
      <c r="H1728" s="43">
        <v>10.3</v>
      </c>
      <c r="I1728" s="43">
        <v>48.7</v>
      </c>
      <c r="J1728" s="44">
        <v>5.9</v>
      </c>
    </row>
    <row r="1729" spans="2:10" x14ac:dyDescent="0.2">
      <c r="B1729" s="76" t="s">
        <v>37</v>
      </c>
      <c r="C1729" s="39" t="s">
        <v>39</v>
      </c>
      <c r="D1729" s="45">
        <v>111</v>
      </c>
      <c r="E1729" s="46">
        <v>0.9</v>
      </c>
      <c r="F1729" s="46">
        <v>33.299999999999997</v>
      </c>
      <c r="G1729" s="46">
        <v>3.6</v>
      </c>
      <c r="H1729" s="46">
        <v>12.6</v>
      </c>
      <c r="I1729" s="46">
        <v>46.8</v>
      </c>
      <c r="J1729" s="47">
        <v>2.7</v>
      </c>
    </row>
    <row r="1730" spans="2:10" x14ac:dyDescent="0.2">
      <c r="B1730" s="76"/>
      <c r="C1730" s="39" t="s">
        <v>40</v>
      </c>
      <c r="D1730" s="45">
        <v>450</v>
      </c>
      <c r="E1730" s="46">
        <v>0.9</v>
      </c>
      <c r="F1730" s="46">
        <v>19.8</v>
      </c>
      <c r="G1730" s="46">
        <v>10</v>
      </c>
      <c r="H1730" s="46">
        <v>7.1</v>
      </c>
      <c r="I1730" s="46">
        <v>49.8</v>
      </c>
      <c r="J1730" s="47">
        <v>12.4</v>
      </c>
    </row>
    <row r="1731" spans="2:10" ht="21.6" x14ac:dyDescent="0.2">
      <c r="B1731" s="76"/>
      <c r="C1731" s="39" t="s">
        <v>41</v>
      </c>
      <c r="D1731" s="45">
        <v>30</v>
      </c>
      <c r="E1731" s="46">
        <v>0</v>
      </c>
      <c r="F1731" s="46">
        <v>33.299999999999997</v>
      </c>
      <c r="G1731" s="46">
        <v>3.3</v>
      </c>
      <c r="H1731" s="46">
        <v>13.3</v>
      </c>
      <c r="I1731" s="46">
        <v>43.3</v>
      </c>
      <c r="J1731" s="47">
        <v>6.7</v>
      </c>
    </row>
    <row r="1732" spans="2:10" ht="21.6" x14ac:dyDescent="0.2">
      <c r="B1732" s="76"/>
      <c r="C1732" s="39" t="s">
        <v>42</v>
      </c>
      <c r="D1732" s="45">
        <v>336</v>
      </c>
      <c r="E1732" s="46">
        <v>1.8</v>
      </c>
      <c r="F1732" s="46">
        <v>22.9</v>
      </c>
      <c r="G1732" s="46">
        <v>9.1999999999999993</v>
      </c>
      <c r="H1732" s="46">
        <v>7.1</v>
      </c>
      <c r="I1732" s="46">
        <v>53</v>
      </c>
      <c r="J1732" s="47">
        <v>6</v>
      </c>
    </row>
    <row r="1733" spans="2:10" ht="21.6" x14ac:dyDescent="0.2">
      <c r="B1733" s="76"/>
      <c r="C1733" s="39" t="s">
        <v>43</v>
      </c>
      <c r="D1733" s="45">
        <v>327</v>
      </c>
      <c r="E1733" s="46">
        <v>0.9</v>
      </c>
      <c r="F1733" s="46">
        <v>32.4</v>
      </c>
      <c r="G1733" s="46">
        <v>12.5</v>
      </c>
      <c r="H1733" s="46">
        <v>12.2</v>
      </c>
      <c r="I1733" s="46">
        <v>41.3</v>
      </c>
      <c r="J1733" s="47">
        <v>0.6</v>
      </c>
    </row>
    <row r="1734" spans="2:10" ht="21.6" x14ac:dyDescent="0.2">
      <c r="B1734" s="76"/>
      <c r="C1734" s="39" t="s">
        <v>44</v>
      </c>
      <c r="D1734" s="45">
        <v>181</v>
      </c>
      <c r="E1734" s="46">
        <v>1.1000000000000001</v>
      </c>
      <c r="F1734" s="46">
        <v>9.9</v>
      </c>
      <c r="G1734" s="46">
        <v>8.3000000000000007</v>
      </c>
      <c r="H1734" s="46">
        <v>11</v>
      </c>
      <c r="I1734" s="46">
        <v>68</v>
      </c>
      <c r="J1734" s="47">
        <v>1.7</v>
      </c>
    </row>
    <row r="1735" spans="2:10" ht="21.6" x14ac:dyDescent="0.2">
      <c r="B1735" s="76"/>
      <c r="C1735" s="39" t="s">
        <v>45</v>
      </c>
      <c r="D1735" s="45">
        <v>565</v>
      </c>
      <c r="E1735" s="46">
        <v>1.9</v>
      </c>
      <c r="F1735" s="46">
        <v>21.8</v>
      </c>
      <c r="G1735" s="46">
        <v>14</v>
      </c>
      <c r="H1735" s="46">
        <v>12.6</v>
      </c>
      <c r="I1735" s="46">
        <v>44.1</v>
      </c>
      <c r="J1735" s="47">
        <v>5.7</v>
      </c>
    </row>
    <row r="1736" spans="2:10" ht="21.6" x14ac:dyDescent="0.2">
      <c r="B1736" s="76"/>
      <c r="C1736" s="39" t="s">
        <v>46</v>
      </c>
      <c r="D1736" s="45">
        <v>473</v>
      </c>
      <c r="E1736" s="46">
        <v>2.2999999999999998</v>
      </c>
      <c r="F1736" s="46">
        <v>33.799999999999997</v>
      </c>
      <c r="G1736" s="46">
        <v>12.5</v>
      </c>
      <c r="H1736" s="46">
        <v>10.4</v>
      </c>
      <c r="I1736" s="46">
        <v>38.700000000000003</v>
      </c>
      <c r="J1736" s="47">
        <v>2.2999999999999998</v>
      </c>
    </row>
    <row r="1737" spans="2:10" ht="21.6" x14ac:dyDescent="0.2">
      <c r="B1737" s="76"/>
      <c r="C1737" s="39" t="s">
        <v>47</v>
      </c>
      <c r="D1737" s="45">
        <v>441</v>
      </c>
      <c r="E1737" s="46">
        <v>1.4</v>
      </c>
      <c r="F1737" s="46">
        <v>24</v>
      </c>
      <c r="G1737" s="46">
        <v>11.3</v>
      </c>
      <c r="H1737" s="46">
        <v>11.1</v>
      </c>
      <c r="I1737" s="46">
        <v>47.2</v>
      </c>
      <c r="J1737" s="47">
        <v>5</v>
      </c>
    </row>
    <row r="1738" spans="2:10" ht="21.6" x14ac:dyDescent="0.2">
      <c r="B1738" s="76"/>
      <c r="C1738" s="39" t="s">
        <v>48</v>
      </c>
      <c r="D1738" s="45">
        <v>305</v>
      </c>
      <c r="E1738" s="46">
        <v>0.7</v>
      </c>
      <c r="F1738" s="46">
        <v>18.399999999999999</v>
      </c>
      <c r="G1738" s="46">
        <v>9.5</v>
      </c>
      <c r="H1738" s="46">
        <v>6.2</v>
      </c>
      <c r="I1738" s="46">
        <v>56.1</v>
      </c>
      <c r="J1738" s="47">
        <v>9.1999999999999993</v>
      </c>
    </row>
    <row r="1739" spans="2:10" ht="21.6" x14ac:dyDescent="0.2">
      <c r="B1739" s="76"/>
      <c r="C1739" s="39" t="s">
        <v>49</v>
      </c>
      <c r="D1739" s="45">
        <v>223</v>
      </c>
      <c r="E1739" s="46">
        <v>0.9</v>
      </c>
      <c r="F1739" s="46">
        <v>15.7</v>
      </c>
      <c r="G1739" s="46">
        <v>10.3</v>
      </c>
      <c r="H1739" s="46">
        <v>12.1</v>
      </c>
      <c r="I1739" s="46">
        <v>54.7</v>
      </c>
      <c r="J1739" s="47">
        <v>6.3</v>
      </c>
    </row>
    <row r="1740" spans="2:10" ht="21.6" x14ac:dyDescent="0.2">
      <c r="B1740" s="76"/>
      <c r="C1740" s="39" t="s">
        <v>50</v>
      </c>
      <c r="D1740" s="45">
        <v>123</v>
      </c>
      <c r="E1740" s="46">
        <v>0</v>
      </c>
      <c r="F1740" s="46">
        <v>10.6</v>
      </c>
      <c r="G1740" s="46">
        <v>4.0999999999999996</v>
      </c>
      <c r="H1740" s="46">
        <v>10.6</v>
      </c>
      <c r="I1740" s="46">
        <v>63.4</v>
      </c>
      <c r="J1740" s="47">
        <v>11.4</v>
      </c>
    </row>
    <row r="1741" spans="2:10" ht="21.6" x14ac:dyDescent="0.2">
      <c r="B1741" s="76"/>
      <c r="C1741" s="39" t="s">
        <v>51</v>
      </c>
      <c r="D1741" s="45">
        <v>124</v>
      </c>
      <c r="E1741" s="46">
        <v>0</v>
      </c>
      <c r="F1741" s="46">
        <v>12.1</v>
      </c>
      <c r="G1741" s="46">
        <v>5.6</v>
      </c>
      <c r="H1741" s="46">
        <v>7.3</v>
      </c>
      <c r="I1741" s="46">
        <v>60.5</v>
      </c>
      <c r="J1741" s="47">
        <v>14.5</v>
      </c>
    </row>
    <row r="1742" spans="2:10" ht="21.6" x14ac:dyDescent="0.2">
      <c r="B1742" s="76"/>
      <c r="C1742" s="39" t="s">
        <v>52</v>
      </c>
      <c r="D1742" s="45">
        <v>312</v>
      </c>
      <c r="E1742" s="46">
        <v>2.2000000000000002</v>
      </c>
      <c r="F1742" s="46">
        <v>31.1</v>
      </c>
      <c r="G1742" s="46">
        <v>14.4</v>
      </c>
      <c r="H1742" s="46">
        <v>14.4</v>
      </c>
      <c r="I1742" s="46">
        <v>35.9</v>
      </c>
      <c r="J1742" s="47">
        <v>1.9</v>
      </c>
    </row>
    <row r="1743" spans="2:10" x14ac:dyDescent="0.2">
      <c r="B1743" s="76"/>
      <c r="C1743" s="39" t="s">
        <v>53</v>
      </c>
      <c r="D1743" s="45">
        <v>269</v>
      </c>
      <c r="E1743" s="46">
        <v>1.5</v>
      </c>
      <c r="F1743" s="46">
        <v>26</v>
      </c>
      <c r="G1743" s="46">
        <v>13</v>
      </c>
      <c r="H1743" s="46">
        <v>12.3</v>
      </c>
      <c r="I1743" s="46">
        <v>42.8</v>
      </c>
      <c r="J1743" s="47">
        <v>4.5</v>
      </c>
    </row>
    <row r="1744" spans="2:10" ht="21.6" x14ac:dyDescent="0.2">
      <c r="B1744" s="76"/>
      <c r="C1744" s="39" t="s">
        <v>54</v>
      </c>
      <c r="D1744" s="45">
        <v>511</v>
      </c>
      <c r="E1744" s="46">
        <v>0.8</v>
      </c>
      <c r="F1744" s="46">
        <v>16.399999999999999</v>
      </c>
      <c r="G1744" s="46">
        <v>9.8000000000000007</v>
      </c>
      <c r="H1744" s="46">
        <v>7.6</v>
      </c>
      <c r="I1744" s="46">
        <v>59.3</v>
      </c>
      <c r="J1744" s="47">
        <v>6.1</v>
      </c>
    </row>
    <row r="1745" spans="1:25" ht="21.6" x14ac:dyDescent="0.2">
      <c r="B1745" s="76"/>
      <c r="C1745" s="39" t="s">
        <v>55</v>
      </c>
      <c r="D1745" s="45">
        <v>615</v>
      </c>
      <c r="E1745" s="46">
        <v>0</v>
      </c>
      <c r="F1745" s="46">
        <v>17.7</v>
      </c>
      <c r="G1745" s="46">
        <v>7.8</v>
      </c>
      <c r="H1745" s="46">
        <v>8.6</v>
      </c>
      <c r="I1745" s="46">
        <v>55.8</v>
      </c>
      <c r="J1745" s="47">
        <v>10.1</v>
      </c>
    </row>
    <row r="1746" spans="1:25" ht="21.6" x14ac:dyDescent="0.2">
      <c r="B1746" s="76"/>
      <c r="C1746" s="39" t="s">
        <v>56</v>
      </c>
      <c r="D1746" s="45">
        <v>800</v>
      </c>
      <c r="E1746" s="46">
        <v>0.6</v>
      </c>
      <c r="F1746" s="46">
        <v>19.3</v>
      </c>
      <c r="G1746" s="46">
        <v>9.3000000000000007</v>
      </c>
      <c r="H1746" s="46">
        <v>8.5</v>
      </c>
      <c r="I1746" s="46">
        <v>53.4</v>
      </c>
      <c r="J1746" s="47">
        <v>9</v>
      </c>
    </row>
    <row r="1747" spans="1:25" x14ac:dyDescent="0.2">
      <c r="B1747" s="76"/>
      <c r="C1747" s="40" t="s">
        <v>57</v>
      </c>
      <c r="D1747" s="48">
        <v>798</v>
      </c>
      <c r="E1747" s="49">
        <v>1.1000000000000001</v>
      </c>
      <c r="F1747" s="49">
        <v>21.8</v>
      </c>
      <c r="G1747" s="49">
        <v>11.4</v>
      </c>
      <c r="H1747" s="49">
        <v>11</v>
      </c>
      <c r="I1747" s="49">
        <v>50</v>
      </c>
      <c r="J1747" s="50">
        <v>4.5999999999999996</v>
      </c>
    </row>
    <row r="1748" spans="1:25" x14ac:dyDescent="0.2">
      <c r="B1748" s="7" t="s">
        <v>71</v>
      </c>
      <c r="C1748" s="4" t="s">
        <v>130</v>
      </c>
    </row>
    <row r="1749" spans="1:25" x14ac:dyDescent="0.2">
      <c r="B1749" s="4"/>
      <c r="C1749" s="4" t="s">
        <v>73</v>
      </c>
    </row>
    <row r="1751" spans="1:25" x14ac:dyDescent="0.2">
      <c r="C1751" t="s">
        <v>35</v>
      </c>
    </row>
    <row r="1752" spans="1:25" x14ac:dyDescent="0.2">
      <c r="B1752" s="74" t="s">
        <v>211</v>
      </c>
      <c r="C1752" s="75"/>
      <c r="D1752" s="75"/>
      <c r="E1752" s="75"/>
      <c r="F1752" s="75"/>
      <c r="G1752" s="75"/>
      <c r="H1752" s="75"/>
      <c r="I1752" s="75"/>
      <c r="J1752" s="75"/>
      <c r="K1752" s="75"/>
      <c r="L1752" s="75"/>
      <c r="M1752" s="75"/>
      <c r="N1752" s="75"/>
      <c r="O1752" s="75"/>
      <c r="P1752" s="75"/>
      <c r="Q1752" s="75"/>
      <c r="R1752" s="75"/>
      <c r="S1752" s="75"/>
      <c r="T1752" s="75"/>
      <c r="U1752" s="75"/>
      <c r="V1752" s="75"/>
      <c r="W1752" s="75"/>
      <c r="X1752" s="75"/>
      <c r="Y1752" s="75"/>
    </row>
    <row r="1753" spans="1:25" s="32" customFormat="1" ht="47.25" customHeight="1" x14ac:dyDescent="0.15">
      <c r="A1753" s="31"/>
      <c r="D1753" s="33" t="s">
        <v>242</v>
      </c>
      <c r="E1753" s="35" t="s">
        <v>340</v>
      </c>
      <c r="F1753" s="36" t="s">
        <v>341</v>
      </c>
      <c r="G1753" s="36" t="s">
        <v>342</v>
      </c>
      <c r="H1753" s="36" t="s">
        <v>343</v>
      </c>
      <c r="I1753" s="36" t="s">
        <v>344</v>
      </c>
      <c r="J1753" s="37" t="s">
        <v>345</v>
      </c>
      <c r="K1753" s="34" t="s">
        <v>251</v>
      </c>
    </row>
    <row r="1754" spans="1:25" ht="21.6" x14ac:dyDescent="0.2">
      <c r="B1754" s="76" t="s">
        <v>37</v>
      </c>
      <c r="C1754" s="38" t="s">
        <v>58</v>
      </c>
      <c r="D1754" s="51">
        <v>609</v>
      </c>
      <c r="E1754" s="52">
        <v>0.8</v>
      </c>
      <c r="F1754" s="52">
        <v>22.5</v>
      </c>
      <c r="G1754" s="52">
        <v>9.1999999999999993</v>
      </c>
      <c r="H1754" s="52">
        <v>8.4</v>
      </c>
      <c r="I1754" s="52">
        <v>50.9</v>
      </c>
      <c r="J1754" s="53">
        <v>8.1999999999999993</v>
      </c>
    </row>
    <row r="1755" spans="1:25" ht="21.6" x14ac:dyDescent="0.2">
      <c r="B1755" s="76"/>
      <c r="C1755" s="39" t="s">
        <v>59</v>
      </c>
      <c r="D1755" s="45">
        <v>1391</v>
      </c>
      <c r="E1755" s="46">
        <v>1.6</v>
      </c>
      <c r="F1755" s="46">
        <v>23.2</v>
      </c>
      <c r="G1755" s="46">
        <v>11.5</v>
      </c>
      <c r="H1755" s="46">
        <v>11.1</v>
      </c>
      <c r="I1755" s="46">
        <v>47.7</v>
      </c>
      <c r="J1755" s="47">
        <v>4.9000000000000004</v>
      </c>
    </row>
    <row r="1756" spans="1:25" x14ac:dyDescent="0.2">
      <c r="B1756" s="76"/>
      <c r="C1756" s="39" t="s">
        <v>60</v>
      </c>
      <c r="D1756" s="45">
        <v>1325</v>
      </c>
      <c r="E1756" s="46">
        <v>1</v>
      </c>
      <c r="F1756" s="46">
        <v>21.4</v>
      </c>
      <c r="G1756" s="46">
        <v>11.8</v>
      </c>
      <c r="H1756" s="46">
        <v>9.4</v>
      </c>
      <c r="I1756" s="46">
        <v>50.7</v>
      </c>
      <c r="J1756" s="47">
        <v>5.7</v>
      </c>
    </row>
    <row r="1757" spans="1:25" x14ac:dyDescent="0.2">
      <c r="B1757" s="76"/>
      <c r="C1757" s="39" t="s">
        <v>61</v>
      </c>
      <c r="D1757" s="45">
        <v>675</v>
      </c>
      <c r="E1757" s="46">
        <v>2.1</v>
      </c>
      <c r="F1757" s="46">
        <v>26.1</v>
      </c>
      <c r="G1757" s="46">
        <v>8.9</v>
      </c>
      <c r="H1757" s="46">
        <v>11.9</v>
      </c>
      <c r="I1757" s="46">
        <v>44.7</v>
      </c>
      <c r="J1757" s="47">
        <v>6.4</v>
      </c>
    </row>
    <row r="1758" spans="1:25" x14ac:dyDescent="0.2">
      <c r="B1758" s="76"/>
      <c r="C1758" s="39" t="s">
        <v>62</v>
      </c>
      <c r="D1758" s="45">
        <v>1086</v>
      </c>
      <c r="E1758" s="46">
        <v>1.6</v>
      </c>
      <c r="F1758" s="46">
        <v>21.3</v>
      </c>
      <c r="G1758" s="46">
        <v>8</v>
      </c>
      <c r="H1758" s="46">
        <v>3</v>
      </c>
      <c r="I1758" s="46">
        <v>58.3</v>
      </c>
      <c r="J1758" s="47">
        <v>7.8</v>
      </c>
    </row>
    <row r="1759" spans="1:25" ht="21.6" x14ac:dyDescent="0.2">
      <c r="B1759" s="76"/>
      <c r="C1759" s="39" t="s">
        <v>63</v>
      </c>
      <c r="D1759" s="45">
        <v>203</v>
      </c>
      <c r="E1759" s="46">
        <v>1.5</v>
      </c>
      <c r="F1759" s="46">
        <v>23.6</v>
      </c>
      <c r="G1759" s="46">
        <v>7.4</v>
      </c>
      <c r="H1759" s="46">
        <v>2.5</v>
      </c>
      <c r="I1759" s="46">
        <v>59.6</v>
      </c>
      <c r="J1759" s="47">
        <v>5.4</v>
      </c>
    </row>
    <row r="1760" spans="1:25" x14ac:dyDescent="0.2">
      <c r="B1760" s="76"/>
      <c r="C1760" s="39" t="s">
        <v>64</v>
      </c>
      <c r="D1760" s="45">
        <v>263</v>
      </c>
      <c r="E1760" s="46">
        <v>1.5</v>
      </c>
      <c r="F1760" s="46">
        <v>18.600000000000001</v>
      </c>
      <c r="G1760" s="46">
        <v>7.2</v>
      </c>
      <c r="H1760" s="46">
        <v>4.2</v>
      </c>
      <c r="I1760" s="46">
        <v>55.1</v>
      </c>
      <c r="J1760" s="47">
        <v>13.3</v>
      </c>
    </row>
    <row r="1761" spans="2:10" x14ac:dyDescent="0.2">
      <c r="B1761" s="76"/>
      <c r="C1761" s="39" t="s">
        <v>65</v>
      </c>
      <c r="D1761" s="45">
        <v>312</v>
      </c>
      <c r="E1761" s="46">
        <v>1.6</v>
      </c>
      <c r="F1761" s="46">
        <v>20.2</v>
      </c>
      <c r="G1761" s="46">
        <v>9.9</v>
      </c>
      <c r="H1761" s="46">
        <v>2.6</v>
      </c>
      <c r="I1761" s="46">
        <v>58</v>
      </c>
      <c r="J1761" s="47">
        <v>7.7</v>
      </c>
    </row>
    <row r="1762" spans="2:10" x14ac:dyDescent="0.2">
      <c r="B1762" s="76"/>
      <c r="C1762" s="39" t="s">
        <v>66</v>
      </c>
      <c r="D1762" s="45">
        <v>230</v>
      </c>
      <c r="E1762" s="46">
        <v>1.7</v>
      </c>
      <c r="F1762" s="46">
        <v>24.3</v>
      </c>
      <c r="G1762" s="46">
        <v>7.8</v>
      </c>
      <c r="H1762" s="46">
        <v>3.5</v>
      </c>
      <c r="I1762" s="46">
        <v>57.4</v>
      </c>
      <c r="J1762" s="47">
        <v>5.2</v>
      </c>
    </row>
    <row r="1763" spans="2:10" x14ac:dyDescent="0.2">
      <c r="B1763" s="76"/>
      <c r="C1763" s="39" t="s">
        <v>67</v>
      </c>
      <c r="D1763" s="45">
        <v>78</v>
      </c>
      <c r="E1763" s="46">
        <v>1.3</v>
      </c>
      <c r="F1763" s="46">
        <v>19.2</v>
      </c>
      <c r="G1763" s="46">
        <v>5.0999999999999996</v>
      </c>
      <c r="H1763" s="46">
        <v>1.3</v>
      </c>
      <c r="I1763" s="46">
        <v>69.2</v>
      </c>
      <c r="J1763" s="47">
        <v>3.8</v>
      </c>
    </row>
    <row r="1764" spans="2:10" x14ac:dyDescent="0.2">
      <c r="B1764" s="76"/>
      <c r="C1764" s="39" t="s">
        <v>68</v>
      </c>
      <c r="D1764" s="45">
        <v>897</v>
      </c>
      <c r="E1764" s="46">
        <v>1.2</v>
      </c>
      <c r="F1764" s="46">
        <v>18.100000000000001</v>
      </c>
      <c r="G1764" s="46">
        <v>7.5</v>
      </c>
      <c r="H1764" s="46">
        <v>3.6</v>
      </c>
      <c r="I1764" s="46">
        <v>60.9</v>
      </c>
      <c r="J1764" s="47">
        <v>8.8000000000000007</v>
      </c>
    </row>
    <row r="1765" spans="2:10" x14ac:dyDescent="0.2">
      <c r="B1765" s="76"/>
      <c r="C1765" s="39" t="s">
        <v>69</v>
      </c>
      <c r="D1765" s="45">
        <v>189</v>
      </c>
      <c r="E1765" s="46">
        <v>3.2</v>
      </c>
      <c r="F1765" s="46">
        <v>36.5</v>
      </c>
      <c r="G1765" s="46">
        <v>10.6</v>
      </c>
      <c r="H1765" s="46">
        <v>0.5</v>
      </c>
      <c r="I1765" s="46">
        <v>46</v>
      </c>
      <c r="J1765" s="47">
        <v>3.2</v>
      </c>
    </row>
    <row r="1766" spans="2:10" x14ac:dyDescent="0.2">
      <c r="B1766" s="76"/>
      <c r="C1766" s="39" t="s">
        <v>70</v>
      </c>
      <c r="D1766" s="45">
        <v>914</v>
      </c>
      <c r="E1766" s="46">
        <v>1.1000000000000001</v>
      </c>
      <c r="F1766" s="46">
        <v>25.1</v>
      </c>
      <c r="G1766" s="46">
        <v>14.1</v>
      </c>
      <c r="H1766" s="46">
        <v>18.8</v>
      </c>
      <c r="I1766" s="46">
        <v>37.299999999999997</v>
      </c>
      <c r="J1766" s="47">
        <v>3.6</v>
      </c>
    </row>
    <row r="1767" spans="2:10" ht="21.6" x14ac:dyDescent="0.2">
      <c r="B1767" s="76"/>
      <c r="C1767" s="39" t="s">
        <v>63</v>
      </c>
      <c r="D1767" s="45">
        <v>193</v>
      </c>
      <c r="E1767" s="46">
        <v>1</v>
      </c>
      <c r="F1767" s="46">
        <v>18.100000000000001</v>
      </c>
      <c r="G1767" s="46">
        <v>10.9</v>
      </c>
      <c r="H1767" s="46">
        <v>13</v>
      </c>
      <c r="I1767" s="46">
        <v>53.4</v>
      </c>
      <c r="J1767" s="47">
        <v>3.6</v>
      </c>
    </row>
    <row r="1768" spans="2:10" x14ac:dyDescent="0.2">
      <c r="B1768" s="76"/>
      <c r="C1768" s="39" t="s">
        <v>64</v>
      </c>
      <c r="D1768" s="45">
        <v>203</v>
      </c>
      <c r="E1768" s="46">
        <v>1.5</v>
      </c>
      <c r="F1768" s="46">
        <v>21.2</v>
      </c>
      <c r="G1768" s="46">
        <v>13.8</v>
      </c>
      <c r="H1768" s="46">
        <v>10.3</v>
      </c>
      <c r="I1768" s="46">
        <v>47.8</v>
      </c>
      <c r="J1768" s="47">
        <v>5.4</v>
      </c>
    </row>
    <row r="1769" spans="2:10" x14ac:dyDescent="0.2">
      <c r="B1769" s="76"/>
      <c r="C1769" s="39" t="s">
        <v>65</v>
      </c>
      <c r="D1769" s="45">
        <v>263</v>
      </c>
      <c r="E1769" s="46">
        <v>0.8</v>
      </c>
      <c r="F1769" s="46">
        <v>28.1</v>
      </c>
      <c r="G1769" s="46">
        <v>16.3</v>
      </c>
      <c r="H1769" s="46">
        <v>24.3</v>
      </c>
      <c r="I1769" s="46">
        <v>27.4</v>
      </c>
      <c r="J1769" s="47">
        <v>3</v>
      </c>
    </row>
    <row r="1770" spans="2:10" x14ac:dyDescent="0.2">
      <c r="B1770" s="76"/>
      <c r="C1770" s="39" t="s">
        <v>66</v>
      </c>
      <c r="D1770" s="45">
        <v>194</v>
      </c>
      <c r="E1770" s="46">
        <v>0.5</v>
      </c>
      <c r="F1770" s="46">
        <v>28.9</v>
      </c>
      <c r="G1770" s="46">
        <v>15.5</v>
      </c>
      <c r="H1770" s="46">
        <v>25.8</v>
      </c>
      <c r="I1770" s="46">
        <v>26.3</v>
      </c>
      <c r="J1770" s="47">
        <v>3.1</v>
      </c>
    </row>
    <row r="1771" spans="2:10" x14ac:dyDescent="0.2">
      <c r="B1771" s="76"/>
      <c r="C1771" s="39" t="s">
        <v>67</v>
      </c>
      <c r="D1771" s="45">
        <v>61</v>
      </c>
      <c r="E1771" s="46">
        <v>3.3</v>
      </c>
      <c r="F1771" s="46">
        <v>34.4</v>
      </c>
      <c r="G1771" s="46">
        <v>11.5</v>
      </c>
      <c r="H1771" s="46">
        <v>19.7</v>
      </c>
      <c r="I1771" s="46">
        <v>29.5</v>
      </c>
      <c r="J1771" s="47">
        <v>1.6</v>
      </c>
    </row>
    <row r="1772" spans="2:10" x14ac:dyDescent="0.2">
      <c r="B1772" s="76"/>
      <c r="C1772" s="39" t="s">
        <v>68</v>
      </c>
      <c r="D1772" s="45">
        <v>416</v>
      </c>
      <c r="E1772" s="46">
        <v>0</v>
      </c>
      <c r="F1772" s="46">
        <v>15.6</v>
      </c>
      <c r="G1772" s="46">
        <v>9.4</v>
      </c>
      <c r="H1772" s="46">
        <v>15.6</v>
      </c>
      <c r="I1772" s="46">
        <v>52.4</v>
      </c>
      <c r="J1772" s="47">
        <v>7</v>
      </c>
    </row>
    <row r="1773" spans="2:10" x14ac:dyDescent="0.2">
      <c r="B1773" s="76"/>
      <c r="C1773" s="40" t="s">
        <v>69</v>
      </c>
      <c r="D1773" s="48">
        <v>498</v>
      </c>
      <c r="E1773" s="49">
        <v>2</v>
      </c>
      <c r="F1773" s="49">
        <v>32.9</v>
      </c>
      <c r="G1773" s="49">
        <v>18.100000000000001</v>
      </c>
      <c r="H1773" s="49">
        <v>21.5</v>
      </c>
      <c r="I1773" s="49">
        <v>24.7</v>
      </c>
      <c r="J1773" s="50">
        <v>0.8</v>
      </c>
    </row>
    <row r="1774" spans="2:10" x14ac:dyDescent="0.2">
      <c r="B1774" s="7" t="s">
        <v>71</v>
      </c>
      <c r="C1774" s="4" t="s">
        <v>130</v>
      </c>
    </row>
    <row r="1775" spans="2:10" x14ac:dyDescent="0.2">
      <c r="B1775" s="4"/>
      <c r="C1775" s="4" t="s">
        <v>73</v>
      </c>
    </row>
    <row r="1777" spans="1:25" x14ac:dyDescent="0.2">
      <c r="A1777" s="26" t="s">
        <v>25</v>
      </c>
      <c r="B1777" t="s">
        <v>35</v>
      </c>
      <c r="C1777" t="s">
        <v>35</v>
      </c>
    </row>
    <row r="1778" spans="1:25" x14ac:dyDescent="0.2">
      <c r="B1778" s="74" t="s">
        <v>131</v>
      </c>
      <c r="C1778" s="75"/>
      <c r="D1778" s="75"/>
      <c r="E1778" s="75"/>
      <c r="F1778" s="75"/>
      <c r="G1778" s="75"/>
      <c r="H1778" s="75"/>
      <c r="I1778" s="75"/>
      <c r="J1778" s="75"/>
      <c r="K1778" s="75"/>
      <c r="L1778" s="75"/>
      <c r="M1778" s="75"/>
      <c r="N1778" s="75"/>
      <c r="O1778" s="75"/>
      <c r="P1778" s="75"/>
      <c r="Q1778" s="75"/>
      <c r="R1778" s="75"/>
      <c r="S1778" s="75"/>
      <c r="T1778" s="75"/>
      <c r="U1778" s="75"/>
      <c r="V1778" s="75"/>
      <c r="W1778" s="75"/>
      <c r="X1778" s="75"/>
      <c r="Y1778" s="75"/>
    </row>
    <row r="1779" spans="1:25" s="32" customFormat="1" ht="47.25" customHeight="1" x14ac:dyDescent="0.15">
      <c r="A1779" s="31"/>
      <c r="D1779" s="33" t="s">
        <v>242</v>
      </c>
      <c r="E1779" s="35" t="s">
        <v>346</v>
      </c>
      <c r="F1779" s="36" t="s">
        <v>347</v>
      </c>
      <c r="G1779" s="37" t="s">
        <v>348</v>
      </c>
      <c r="H1779" s="34" t="s">
        <v>251</v>
      </c>
    </row>
    <row r="1780" spans="1:25" x14ac:dyDescent="0.2">
      <c r="B1780" s="5"/>
      <c r="C1780" s="41" t="s">
        <v>38</v>
      </c>
      <c r="D1780" s="42">
        <v>2000</v>
      </c>
      <c r="E1780" s="43">
        <v>24.4</v>
      </c>
      <c r="F1780" s="43">
        <v>21.1</v>
      </c>
      <c r="G1780" s="44">
        <v>54.6</v>
      </c>
    </row>
    <row r="1781" spans="1:25" x14ac:dyDescent="0.2">
      <c r="B1781" s="76" t="s">
        <v>37</v>
      </c>
      <c r="C1781" s="39" t="s">
        <v>39</v>
      </c>
      <c r="D1781" s="45">
        <v>111</v>
      </c>
      <c r="E1781" s="46">
        <v>34.200000000000003</v>
      </c>
      <c r="F1781" s="46">
        <v>16.2</v>
      </c>
      <c r="G1781" s="47">
        <v>49.5</v>
      </c>
    </row>
    <row r="1782" spans="1:25" x14ac:dyDescent="0.2">
      <c r="B1782" s="76"/>
      <c r="C1782" s="39" t="s">
        <v>40</v>
      </c>
      <c r="D1782" s="45">
        <v>450</v>
      </c>
      <c r="E1782" s="46">
        <v>20.7</v>
      </c>
      <c r="F1782" s="46">
        <v>17.100000000000001</v>
      </c>
      <c r="G1782" s="47">
        <v>62.2</v>
      </c>
    </row>
    <row r="1783" spans="1:25" ht="21.6" x14ac:dyDescent="0.2">
      <c r="B1783" s="76"/>
      <c r="C1783" s="39" t="s">
        <v>41</v>
      </c>
      <c r="D1783" s="45">
        <v>30</v>
      </c>
      <c r="E1783" s="46">
        <v>33.299999999999997</v>
      </c>
      <c r="F1783" s="46">
        <v>16.7</v>
      </c>
      <c r="G1783" s="47">
        <v>50</v>
      </c>
    </row>
    <row r="1784" spans="1:25" ht="21.6" x14ac:dyDescent="0.2">
      <c r="B1784" s="76"/>
      <c r="C1784" s="39" t="s">
        <v>42</v>
      </c>
      <c r="D1784" s="45">
        <v>336</v>
      </c>
      <c r="E1784" s="46">
        <v>24.7</v>
      </c>
      <c r="F1784" s="46">
        <v>16.399999999999999</v>
      </c>
      <c r="G1784" s="47">
        <v>58.9</v>
      </c>
    </row>
    <row r="1785" spans="1:25" ht="21.6" x14ac:dyDescent="0.2">
      <c r="B1785" s="76"/>
      <c r="C1785" s="39" t="s">
        <v>43</v>
      </c>
      <c r="D1785" s="45">
        <v>327</v>
      </c>
      <c r="E1785" s="46">
        <v>33.299999999999997</v>
      </c>
      <c r="F1785" s="46">
        <v>24.8</v>
      </c>
      <c r="G1785" s="47">
        <v>41.9</v>
      </c>
    </row>
    <row r="1786" spans="1:25" ht="21.6" x14ac:dyDescent="0.2">
      <c r="B1786" s="76"/>
      <c r="C1786" s="39" t="s">
        <v>44</v>
      </c>
      <c r="D1786" s="45">
        <v>181</v>
      </c>
      <c r="E1786" s="46">
        <v>11</v>
      </c>
      <c r="F1786" s="46">
        <v>19.3</v>
      </c>
      <c r="G1786" s="47">
        <v>69.599999999999994</v>
      </c>
    </row>
    <row r="1787" spans="1:25" ht="21.6" x14ac:dyDescent="0.2">
      <c r="B1787" s="76"/>
      <c r="C1787" s="39" t="s">
        <v>45</v>
      </c>
      <c r="D1787" s="45">
        <v>565</v>
      </c>
      <c r="E1787" s="46">
        <v>23.7</v>
      </c>
      <c r="F1787" s="46">
        <v>26.5</v>
      </c>
      <c r="G1787" s="47">
        <v>49.7</v>
      </c>
    </row>
    <row r="1788" spans="1:25" ht="21.6" x14ac:dyDescent="0.2">
      <c r="B1788" s="76"/>
      <c r="C1788" s="39" t="s">
        <v>46</v>
      </c>
      <c r="D1788" s="45">
        <v>473</v>
      </c>
      <c r="E1788" s="46">
        <v>36.200000000000003</v>
      </c>
      <c r="F1788" s="46">
        <v>22.8</v>
      </c>
      <c r="G1788" s="47">
        <v>41</v>
      </c>
    </row>
    <row r="1789" spans="1:25" ht="21.6" x14ac:dyDescent="0.2">
      <c r="B1789" s="76"/>
      <c r="C1789" s="39" t="s">
        <v>47</v>
      </c>
      <c r="D1789" s="45">
        <v>441</v>
      </c>
      <c r="E1789" s="46">
        <v>25.4</v>
      </c>
      <c r="F1789" s="46">
        <v>22.4</v>
      </c>
      <c r="G1789" s="47">
        <v>52.2</v>
      </c>
    </row>
    <row r="1790" spans="1:25" ht="21.6" x14ac:dyDescent="0.2">
      <c r="B1790" s="76"/>
      <c r="C1790" s="39" t="s">
        <v>48</v>
      </c>
      <c r="D1790" s="45">
        <v>305</v>
      </c>
      <c r="E1790" s="46">
        <v>19</v>
      </c>
      <c r="F1790" s="46">
        <v>15.7</v>
      </c>
      <c r="G1790" s="47">
        <v>65.2</v>
      </c>
    </row>
    <row r="1791" spans="1:25" ht="21.6" x14ac:dyDescent="0.2">
      <c r="B1791" s="76"/>
      <c r="C1791" s="39" t="s">
        <v>49</v>
      </c>
      <c r="D1791" s="45">
        <v>223</v>
      </c>
      <c r="E1791" s="46">
        <v>16.600000000000001</v>
      </c>
      <c r="F1791" s="46">
        <v>22.4</v>
      </c>
      <c r="G1791" s="47">
        <v>61</v>
      </c>
    </row>
    <row r="1792" spans="1:25" ht="21.6" x14ac:dyDescent="0.2">
      <c r="B1792" s="76"/>
      <c r="C1792" s="39" t="s">
        <v>50</v>
      </c>
      <c r="D1792" s="45">
        <v>123</v>
      </c>
      <c r="E1792" s="46">
        <v>10.6</v>
      </c>
      <c r="F1792" s="46">
        <v>14.6</v>
      </c>
      <c r="G1792" s="47">
        <v>74.8</v>
      </c>
    </row>
    <row r="1793" spans="1:25" ht="21.6" x14ac:dyDescent="0.2">
      <c r="B1793" s="76"/>
      <c r="C1793" s="39" t="s">
        <v>51</v>
      </c>
      <c r="D1793" s="45">
        <v>124</v>
      </c>
      <c r="E1793" s="46">
        <v>12.1</v>
      </c>
      <c r="F1793" s="46">
        <v>12.9</v>
      </c>
      <c r="G1793" s="47">
        <v>75</v>
      </c>
    </row>
    <row r="1794" spans="1:25" ht="21.6" x14ac:dyDescent="0.2">
      <c r="B1794" s="76"/>
      <c r="C1794" s="39" t="s">
        <v>52</v>
      </c>
      <c r="D1794" s="45">
        <v>312</v>
      </c>
      <c r="E1794" s="46">
        <v>33.299999999999997</v>
      </c>
      <c r="F1794" s="46">
        <v>28.8</v>
      </c>
      <c r="G1794" s="47">
        <v>37.799999999999997</v>
      </c>
    </row>
    <row r="1795" spans="1:25" x14ac:dyDescent="0.2">
      <c r="B1795" s="76"/>
      <c r="C1795" s="39" t="s">
        <v>53</v>
      </c>
      <c r="D1795" s="45">
        <v>269</v>
      </c>
      <c r="E1795" s="46">
        <v>27.5</v>
      </c>
      <c r="F1795" s="46">
        <v>25.3</v>
      </c>
      <c r="G1795" s="47">
        <v>47.2</v>
      </c>
    </row>
    <row r="1796" spans="1:25" ht="21.6" x14ac:dyDescent="0.2">
      <c r="B1796" s="76"/>
      <c r="C1796" s="39" t="s">
        <v>54</v>
      </c>
      <c r="D1796" s="45">
        <v>511</v>
      </c>
      <c r="E1796" s="46">
        <v>17.2</v>
      </c>
      <c r="F1796" s="46">
        <v>17.399999999999999</v>
      </c>
      <c r="G1796" s="47">
        <v>65.400000000000006</v>
      </c>
    </row>
    <row r="1797" spans="1:25" ht="21.6" x14ac:dyDescent="0.2">
      <c r="B1797" s="76"/>
      <c r="C1797" s="39" t="s">
        <v>55</v>
      </c>
      <c r="D1797" s="45">
        <v>615</v>
      </c>
      <c r="E1797" s="46">
        <v>17.7</v>
      </c>
      <c r="F1797" s="46">
        <v>16.399999999999999</v>
      </c>
      <c r="G1797" s="47">
        <v>65.900000000000006</v>
      </c>
    </row>
    <row r="1798" spans="1:25" ht="21.6" x14ac:dyDescent="0.2">
      <c r="B1798" s="76"/>
      <c r="C1798" s="39" t="s">
        <v>56</v>
      </c>
      <c r="D1798" s="45">
        <v>800</v>
      </c>
      <c r="E1798" s="46">
        <v>19.899999999999999</v>
      </c>
      <c r="F1798" s="46">
        <v>17.8</v>
      </c>
      <c r="G1798" s="47">
        <v>62.4</v>
      </c>
    </row>
    <row r="1799" spans="1:25" x14ac:dyDescent="0.2">
      <c r="B1799" s="76"/>
      <c r="C1799" s="40" t="s">
        <v>57</v>
      </c>
      <c r="D1799" s="48">
        <v>798</v>
      </c>
      <c r="E1799" s="49">
        <v>22.9</v>
      </c>
      <c r="F1799" s="49">
        <v>22.4</v>
      </c>
      <c r="G1799" s="50">
        <v>54.6</v>
      </c>
    </row>
    <row r="1801" spans="1:25" x14ac:dyDescent="0.2">
      <c r="C1801" t="s">
        <v>35</v>
      </c>
    </row>
    <row r="1802" spans="1:25" x14ac:dyDescent="0.2">
      <c r="B1802" s="74" t="s">
        <v>212</v>
      </c>
      <c r="C1802" s="75"/>
      <c r="D1802" s="75"/>
      <c r="E1802" s="75"/>
      <c r="F1802" s="75"/>
      <c r="G1802" s="75"/>
      <c r="H1802" s="75"/>
      <c r="I1802" s="75"/>
      <c r="J1802" s="75"/>
      <c r="K1802" s="75"/>
      <c r="L1802" s="75"/>
      <c r="M1802" s="75"/>
      <c r="N1802" s="75"/>
      <c r="O1802" s="75"/>
      <c r="P1802" s="75"/>
      <c r="Q1802" s="75"/>
      <c r="R1802" s="75"/>
      <c r="S1802" s="75"/>
      <c r="T1802" s="75"/>
      <c r="U1802" s="75"/>
      <c r="V1802" s="75"/>
      <c r="W1802" s="75"/>
      <c r="X1802" s="75"/>
      <c r="Y1802" s="75"/>
    </row>
    <row r="1803" spans="1:25" s="32" customFormat="1" ht="47.25" customHeight="1" x14ac:dyDescent="0.15">
      <c r="A1803" s="31"/>
      <c r="D1803" s="33" t="s">
        <v>242</v>
      </c>
      <c r="E1803" s="35" t="s">
        <v>346</v>
      </c>
      <c r="F1803" s="36" t="s">
        <v>347</v>
      </c>
      <c r="G1803" s="37" t="s">
        <v>348</v>
      </c>
      <c r="H1803" s="34" t="s">
        <v>251</v>
      </c>
    </row>
    <row r="1804" spans="1:25" ht="21.6" x14ac:dyDescent="0.2">
      <c r="B1804" s="76" t="s">
        <v>37</v>
      </c>
      <c r="C1804" s="38" t="s">
        <v>58</v>
      </c>
      <c r="D1804" s="51">
        <v>609</v>
      </c>
      <c r="E1804" s="52">
        <v>23.3</v>
      </c>
      <c r="F1804" s="52">
        <v>17.600000000000001</v>
      </c>
      <c r="G1804" s="53">
        <v>59.1</v>
      </c>
    </row>
    <row r="1805" spans="1:25" ht="21.6" x14ac:dyDescent="0.2">
      <c r="B1805" s="76"/>
      <c r="C1805" s="39" t="s">
        <v>59</v>
      </c>
      <c r="D1805" s="45">
        <v>1391</v>
      </c>
      <c r="E1805" s="46">
        <v>24.8</v>
      </c>
      <c r="F1805" s="46">
        <v>22.6</v>
      </c>
      <c r="G1805" s="47">
        <v>52.6</v>
      </c>
    </row>
    <row r="1806" spans="1:25" x14ac:dyDescent="0.2">
      <c r="B1806" s="76"/>
      <c r="C1806" s="39" t="s">
        <v>60</v>
      </c>
      <c r="D1806" s="45">
        <v>1325</v>
      </c>
      <c r="E1806" s="46">
        <v>22.4</v>
      </c>
      <c r="F1806" s="46">
        <v>21.2</v>
      </c>
      <c r="G1806" s="47">
        <v>56.4</v>
      </c>
    </row>
    <row r="1807" spans="1:25" x14ac:dyDescent="0.2">
      <c r="B1807" s="76"/>
      <c r="C1807" s="39" t="s">
        <v>61</v>
      </c>
      <c r="D1807" s="45">
        <v>675</v>
      </c>
      <c r="E1807" s="46">
        <v>28.1</v>
      </c>
      <c r="F1807" s="46">
        <v>20.7</v>
      </c>
      <c r="G1807" s="47">
        <v>51.1</v>
      </c>
    </row>
    <row r="1808" spans="1:25" x14ac:dyDescent="0.2">
      <c r="B1808" s="76"/>
      <c r="C1808" s="39" t="s">
        <v>62</v>
      </c>
      <c r="D1808" s="45">
        <v>1086</v>
      </c>
      <c r="E1808" s="46">
        <v>22.8</v>
      </c>
      <c r="F1808" s="46">
        <v>11</v>
      </c>
      <c r="G1808" s="47">
        <v>66.099999999999994</v>
      </c>
    </row>
    <row r="1809" spans="2:7" ht="21.6" x14ac:dyDescent="0.2">
      <c r="B1809" s="76"/>
      <c r="C1809" s="39" t="s">
        <v>63</v>
      </c>
      <c r="D1809" s="45">
        <v>203</v>
      </c>
      <c r="E1809" s="46">
        <v>25.1</v>
      </c>
      <c r="F1809" s="46">
        <v>9.9</v>
      </c>
      <c r="G1809" s="47">
        <v>65</v>
      </c>
    </row>
    <row r="1810" spans="2:7" x14ac:dyDescent="0.2">
      <c r="B1810" s="76"/>
      <c r="C1810" s="39" t="s">
        <v>64</v>
      </c>
      <c r="D1810" s="45">
        <v>263</v>
      </c>
      <c r="E1810" s="46">
        <v>20.2</v>
      </c>
      <c r="F1810" s="46">
        <v>11.4</v>
      </c>
      <c r="G1810" s="47">
        <v>68.400000000000006</v>
      </c>
    </row>
    <row r="1811" spans="2:7" x14ac:dyDescent="0.2">
      <c r="B1811" s="76"/>
      <c r="C1811" s="39" t="s">
        <v>65</v>
      </c>
      <c r="D1811" s="45">
        <v>312</v>
      </c>
      <c r="E1811" s="46">
        <v>21.8</v>
      </c>
      <c r="F1811" s="46">
        <v>12.5</v>
      </c>
      <c r="G1811" s="47">
        <v>65.7</v>
      </c>
    </row>
    <row r="1812" spans="2:7" x14ac:dyDescent="0.2">
      <c r="B1812" s="76"/>
      <c r="C1812" s="39" t="s">
        <v>66</v>
      </c>
      <c r="D1812" s="45">
        <v>230</v>
      </c>
      <c r="E1812" s="46">
        <v>26.1</v>
      </c>
      <c r="F1812" s="46">
        <v>11.3</v>
      </c>
      <c r="G1812" s="47">
        <v>62.6</v>
      </c>
    </row>
    <row r="1813" spans="2:7" x14ac:dyDescent="0.2">
      <c r="B1813" s="76"/>
      <c r="C1813" s="39" t="s">
        <v>67</v>
      </c>
      <c r="D1813" s="45">
        <v>78</v>
      </c>
      <c r="E1813" s="46">
        <v>20.5</v>
      </c>
      <c r="F1813" s="46">
        <v>6.4</v>
      </c>
      <c r="G1813" s="47">
        <v>73.099999999999994</v>
      </c>
    </row>
    <row r="1814" spans="2:7" x14ac:dyDescent="0.2">
      <c r="B1814" s="76"/>
      <c r="C1814" s="39" t="s">
        <v>68</v>
      </c>
      <c r="D1814" s="45">
        <v>897</v>
      </c>
      <c r="E1814" s="46">
        <v>19.3</v>
      </c>
      <c r="F1814" s="46">
        <v>11</v>
      </c>
      <c r="G1814" s="47">
        <v>69.7</v>
      </c>
    </row>
    <row r="1815" spans="2:7" x14ac:dyDescent="0.2">
      <c r="B1815" s="76"/>
      <c r="C1815" s="39" t="s">
        <v>69</v>
      </c>
      <c r="D1815" s="45">
        <v>189</v>
      </c>
      <c r="E1815" s="46">
        <v>39.700000000000003</v>
      </c>
      <c r="F1815" s="46">
        <v>11.1</v>
      </c>
      <c r="G1815" s="47">
        <v>49.2</v>
      </c>
    </row>
    <row r="1816" spans="2:7" x14ac:dyDescent="0.2">
      <c r="B1816" s="76"/>
      <c r="C1816" s="39" t="s">
        <v>70</v>
      </c>
      <c r="D1816" s="45">
        <v>914</v>
      </c>
      <c r="E1816" s="46">
        <v>26.1</v>
      </c>
      <c r="F1816" s="46">
        <v>32.9</v>
      </c>
      <c r="G1816" s="47">
        <v>40.9</v>
      </c>
    </row>
    <row r="1817" spans="2:7" ht="21.6" x14ac:dyDescent="0.2">
      <c r="B1817" s="76"/>
      <c r="C1817" s="39" t="s">
        <v>63</v>
      </c>
      <c r="D1817" s="45">
        <v>193</v>
      </c>
      <c r="E1817" s="46">
        <v>19.2</v>
      </c>
      <c r="F1817" s="46">
        <v>23.8</v>
      </c>
      <c r="G1817" s="47">
        <v>57</v>
      </c>
    </row>
    <row r="1818" spans="2:7" x14ac:dyDescent="0.2">
      <c r="B1818" s="76"/>
      <c r="C1818" s="39" t="s">
        <v>64</v>
      </c>
      <c r="D1818" s="45">
        <v>203</v>
      </c>
      <c r="E1818" s="46">
        <v>22.7</v>
      </c>
      <c r="F1818" s="46">
        <v>24.1</v>
      </c>
      <c r="G1818" s="47">
        <v>53.2</v>
      </c>
    </row>
    <row r="1819" spans="2:7" x14ac:dyDescent="0.2">
      <c r="B1819" s="76"/>
      <c r="C1819" s="39" t="s">
        <v>65</v>
      </c>
      <c r="D1819" s="45">
        <v>263</v>
      </c>
      <c r="E1819" s="46">
        <v>28.9</v>
      </c>
      <c r="F1819" s="46">
        <v>40.700000000000003</v>
      </c>
      <c r="G1819" s="47">
        <v>30.4</v>
      </c>
    </row>
    <row r="1820" spans="2:7" x14ac:dyDescent="0.2">
      <c r="B1820" s="76"/>
      <c r="C1820" s="39" t="s">
        <v>66</v>
      </c>
      <c r="D1820" s="45">
        <v>194</v>
      </c>
      <c r="E1820" s="46">
        <v>29.4</v>
      </c>
      <c r="F1820" s="46">
        <v>41.2</v>
      </c>
      <c r="G1820" s="47">
        <v>29.4</v>
      </c>
    </row>
    <row r="1821" spans="2:7" x14ac:dyDescent="0.2">
      <c r="B1821" s="76"/>
      <c r="C1821" s="39" t="s">
        <v>67</v>
      </c>
      <c r="D1821" s="45">
        <v>61</v>
      </c>
      <c r="E1821" s="46">
        <v>37.700000000000003</v>
      </c>
      <c r="F1821" s="46">
        <v>31.1</v>
      </c>
      <c r="G1821" s="47">
        <v>31.1</v>
      </c>
    </row>
    <row r="1822" spans="2:7" x14ac:dyDescent="0.2">
      <c r="B1822" s="76"/>
      <c r="C1822" s="39" t="s">
        <v>68</v>
      </c>
      <c r="D1822" s="45">
        <v>416</v>
      </c>
      <c r="E1822" s="46">
        <v>15.6</v>
      </c>
      <c r="F1822" s="46">
        <v>25</v>
      </c>
      <c r="G1822" s="47">
        <v>59.4</v>
      </c>
    </row>
    <row r="1823" spans="2:7" x14ac:dyDescent="0.2">
      <c r="B1823" s="76"/>
      <c r="C1823" s="40" t="s">
        <v>69</v>
      </c>
      <c r="D1823" s="48">
        <v>498</v>
      </c>
      <c r="E1823" s="49">
        <v>34.9</v>
      </c>
      <c r="F1823" s="49">
        <v>39.6</v>
      </c>
      <c r="G1823" s="50">
        <v>25.5</v>
      </c>
    </row>
    <row r="1825" spans="1:25" x14ac:dyDescent="0.2">
      <c r="A1825" s="26" t="s">
        <v>25</v>
      </c>
      <c r="B1825" t="s">
        <v>35</v>
      </c>
      <c r="C1825" t="s">
        <v>35</v>
      </c>
    </row>
    <row r="1826" spans="1:25" x14ac:dyDescent="0.2">
      <c r="B1826" s="74" t="s">
        <v>132</v>
      </c>
      <c r="C1826" s="75"/>
      <c r="D1826" s="75"/>
      <c r="E1826" s="75"/>
      <c r="F1826" s="75"/>
      <c r="G1826" s="75"/>
      <c r="H1826" s="75"/>
      <c r="I1826" s="75"/>
      <c r="J1826" s="75"/>
      <c r="K1826" s="75"/>
      <c r="L1826" s="75"/>
      <c r="M1826" s="75"/>
      <c r="N1826" s="75"/>
      <c r="O1826" s="75"/>
      <c r="P1826" s="75"/>
      <c r="Q1826" s="75"/>
      <c r="R1826" s="75"/>
      <c r="S1826" s="75"/>
      <c r="T1826" s="75"/>
      <c r="U1826" s="75"/>
      <c r="V1826" s="75"/>
      <c r="W1826" s="75"/>
      <c r="X1826" s="75"/>
      <c r="Y1826" s="75"/>
    </row>
    <row r="1827" spans="1:25" s="32" customFormat="1" ht="47.25" customHeight="1" x14ac:dyDescent="0.15">
      <c r="A1827" s="31"/>
      <c r="D1827" s="33" t="s">
        <v>242</v>
      </c>
      <c r="E1827" s="35" t="s">
        <v>349</v>
      </c>
      <c r="F1827" s="36" t="s">
        <v>350</v>
      </c>
      <c r="G1827" s="37" t="s">
        <v>351</v>
      </c>
      <c r="H1827" s="34" t="s">
        <v>251</v>
      </c>
    </row>
    <row r="1828" spans="1:25" x14ac:dyDescent="0.2">
      <c r="B1828" s="5"/>
      <c r="C1828" s="41" t="s">
        <v>38</v>
      </c>
      <c r="D1828" s="42">
        <v>2000</v>
      </c>
      <c r="E1828" s="43">
        <v>51.4</v>
      </c>
      <c r="F1828" s="43">
        <v>7.6</v>
      </c>
      <c r="G1828" s="44">
        <v>41.1</v>
      </c>
    </row>
    <row r="1829" spans="1:25" x14ac:dyDescent="0.2">
      <c r="B1829" s="76" t="s">
        <v>37</v>
      </c>
      <c r="C1829" s="39" t="s">
        <v>39</v>
      </c>
      <c r="D1829" s="45">
        <v>111</v>
      </c>
      <c r="E1829" s="46">
        <v>50.5</v>
      </c>
      <c r="F1829" s="46">
        <v>11.7</v>
      </c>
      <c r="G1829" s="47">
        <v>37.799999999999997</v>
      </c>
    </row>
    <row r="1830" spans="1:25" x14ac:dyDescent="0.2">
      <c r="B1830" s="76"/>
      <c r="C1830" s="39" t="s">
        <v>40</v>
      </c>
      <c r="D1830" s="45">
        <v>450</v>
      </c>
      <c r="E1830" s="46">
        <v>57.1</v>
      </c>
      <c r="F1830" s="46">
        <v>6.2</v>
      </c>
      <c r="G1830" s="47">
        <v>36.700000000000003</v>
      </c>
    </row>
    <row r="1831" spans="1:25" ht="21.6" x14ac:dyDescent="0.2">
      <c r="B1831" s="76"/>
      <c r="C1831" s="39" t="s">
        <v>41</v>
      </c>
      <c r="D1831" s="45">
        <v>30</v>
      </c>
      <c r="E1831" s="46">
        <v>50</v>
      </c>
      <c r="F1831" s="46">
        <v>3.3</v>
      </c>
      <c r="G1831" s="47">
        <v>46.7</v>
      </c>
    </row>
    <row r="1832" spans="1:25" ht="21.6" x14ac:dyDescent="0.2">
      <c r="B1832" s="76"/>
      <c r="C1832" s="39" t="s">
        <v>42</v>
      </c>
      <c r="D1832" s="45">
        <v>336</v>
      </c>
      <c r="E1832" s="46">
        <v>51.5</v>
      </c>
      <c r="F1832" s="46">
        <v>6.3</v>
      </c>
      <c r="G1832" s="47">
        <v>42.3</v>
      </c>
    </row>
    <row r="1833" spans="1:25" ht="21.6" x14ac:dyDescent="0.2">
      <c r="B1833" s="76"/>
      <c r="C1833" s="39" t="s">
        <v>43</v>
      </c>
      <c r="D1833" s="45">
        <v>327</v>
      </c>
      <c r="E1833" s="46">
        <v>51.4</v>
      </c>
      <c r="F1833" s="46">
        <v>8.3000000000000007</v>
      </c>
      <c r="G1833" s="47">
        <v>40.4</v>
      </c>
    </row>
    <row r="1834" spans="1:25" ht="21.6" x14ac:dyDescent="0.2">
      <c r="B1834" s="76"/>
      <c r="C1834" s="39" t="s">
        <v>44</v>
      </c>
      <c r="D1834" s="45">
        <v>181</v>
      </c>
      <c r="E1834" s="46">
        <v>54.1</v>
      </c>
      <c r="F1834" s="46">
        <v>8.3000000000000007</v>
      </c>
      <c r="G1834" s="47">
        <v>37.6</v>
      </c>
    </row>
    <row r="1835" spans="1:25" ht="21.6" x14ac:dyDescent="0.2">
      <c r="B1835" s="76"/>
      <c r="C1835" s="39" t="s">
        <v>45</v>
      </c>
      <c r="D1835" s="45">
        <v>565</v>
      </c>
      <c r="E1835" s="46">
        <v>46</v>
      </c>
      <c r="F1835" s="46">
        <v>8.1</v>
      </c>
      <c r="G1835" s="47">
        <v>45.8</v>
      </c>
    </row>
    <row r="1836" spans="1:25" ht="21.6" x14ac:dyDescent="0.2">
      <c r="B1836" s="76"/>
      <c r="C1836" s="39" t="s">
        <v>46</v>
      </c>
      <c r="D1836" s="45">
        <v>473</v>
      </c>
      <c r="E1836" s="46">
        <v>26.6</v>
      </c>
      <c r="F1836" s="46">
        <v>13.3</v>
      </c>
      <c r="G1836" s="47">
        <v>60</v>
      </c>
    </row>
    <row r="1837" spans="1:25" ht="21.6" x14ac:dyDescent="0.2">
      <c r="B1837" s="76"/>
      <c r="C1837" s="39" t="s">
        <v>47</v>
      </c>
      <c r="D1837" s="45">
        <v>441</v>
      </c>
      <c r="E1837" s="46">
        <v>50.6</v>
      </c>
      <c r="F1837" s="46">
        <v>8.1999999999999993</v>
      </c>
      <c r="G1837" s="47">
        <v>41.3</v>
      </c>
    </row>
    <row r="1838" spans="1:25" ht="21.6" x14ac:dyDescent="0.2">
      <c r="B1838" s="76"/>
      <c r="C1838" s="39" t="s">
        <v>48</v>
      </c>
      <c r="D1838" s="45">
        <v>305</v>
      </c>
      <c r="E1838" s="46">
        <v>67.5</v>
      </c>
      <c r="F1838" s="46">
        <v>5.6</v>
      </c>
      <c r="G1838" s="47">
        <v>26.9</v>
      </c>
    </row>
    <row r="1839" spans="1:25" ht="21.6" x14ac:dyDescent="0.2">
      <c r="B1839" s="76"/>
      <c r="C1839" s="39" t="s">
        <v>49</v>
      </c>
      <c r="D1839" s="45">
        <v>223</v>
      </c>
      <c r="E1839" s="46">
        <v>79.400000000000006</v>
      </c>
      <c r="F1839" s="46">
        <v>4.9000000000000004</v>
      </c>
      <c r="G1839" s="47">
        <v>15.7</v>
      </c>
    </row>
    <row r="1840" spans="1:25" ht="21.6" x14ac:dyDescent="0.2">
      <c r="B1840" s="76"/>
      <c r="C1840" s="39" t="s">
        <v>50</v>
      </c>
      <c r="D1840" s="45">
        <v>123</v>
      </c>
      <c r="E1840" s="46">
        <v>77.2</v>
      </c>
      <c r="F1840" s="46">
        <v>1.6</v>
      </c>
      <c r="G1840" s="47">
        <v>21.1</v>
      </c>
    </row>
    <row r="1841" spans="1:25" ht="21.6" x14ac:dyDescent="0.2">
      <c r="B1841" s="76"/>
      <c r="C1841" s="39" t="s">
        <v>51</v>
      </c>
      <c r="D1841" s="45">
        <v>124</v>
      </c>
      <c r="E1841" s="46">
        <v>71.8</v>
      </c>
      <c r="F1841" s="46">
        <v>3.2</v>
      </c>
      <c r="G1841" s="47">
        <v>25</v>
      </c>
    </row>
    <row r="1842" spans="1:25" ht="21.6" x14ac:dyDescent="0.2">
      <c r="B1842" s="76"/>
      <c r="C1842" s="39" t="s">
        <v>52</v>
      </c>
      <c r="D1842" s="45">
        <v>312</v>
      </c>
      <c r="E1842" s="46">
        <v>51.9</v>
      </c>
      <c r="F1842" s="46">
        <v>9.9</v>
      </c>
      <c r="G1842" s="47">
        <v>38.1</v>
      </c>
    </row>
    <row r="1843" spans="1:25" x14ac:dyDescent="0.2">
      <c r="B1843" s="76"/>
      <c r="C1843" s="39" t="s">
        <v>53</v>
      </c>
      <c r="D1843" s="45">
        <v>269</v>
      </c>
      <c r="E1843" s="46">
        <v>49.4</v>
      </c>
      <c r="F1843" s="46">
        <v>9.6999999999999993</v>
      </c>
      <c r="G1843" s="47">
        <v>40.9</v>
      </c>
    </row>
    <row r="1844" spans="1:25" ht="21.6" x14ac:dyDescent="0.2">
      <c r="B1844" s="76"/>
      <c r="C1844" s="39" t="s">
        <v>54</v>
      </c>
      <c r="D1844" s="45">
        <v>511</v>
      </c>
      <c r="E1844" s="46">
        <v>50.5</v>
      </c>
      <c r="F1844" s="46">
        <v>7.2</v>
      </c>
      <c r="G1844" s="47">
        <v>42.3</v>
      </c>
    </row>
    <row r="1845" spans="1:25" ht="21.6" x14ac:dyDescent="0.2">
      <c r="B1845" s="76"/>
      <c r="C1845" s="39" t="s">
        <v>55</v>
      </c>
      <c r="D1845" s="45">
        <v>615</v>
      </c>
      <c r="E1845" s="46">
        <v>56.7</v>
      </c>
      <c r="F1845" s="46">
        <v>6.7</v>
      </c>
      <c r="G1845" s="47">
        <v>36.6</v>
      </c>
    </row>
    <row r="1846" spans="1:25" ht="21.6" x14ac:dyDescent="0.2">
      <c r="B1846" s="76"/>
      <c r="C1846" s="39" t="s">
        <v>56</v>
      </c>
      <c r="D1846" s="45">
        <v>800</v>
      </c>
      <c r="E1846" s="46">
        <v>54.6</v>
      </c>
      <c r="F1846" s="46">
        <v>6.3</v>
      </c>
      <c r="G1846" s="47">
        <v>39.1</v>
      </c>
    </row>
    <row r="1847" spans="1:25" x14ac:dyDescent="0.2">
      <c r="B1847" s="76"/>
      <c r="C1847" s="40" t="s">
        <v>57</v>
      </c>
      <c r="D1847" s="48">
        <v>798</v>
      </c>
      <c r="E1847" s="49">
        <v>56.1</v>
      </c>
      <c r="F1847" s="49">
        <v>8.5</v>
      </c>
      <c r="G1847" s="50">
        <v>35.299999999999997</v>
      </c>
    </row>
    <row r="1848" spans="1:25" x14ac:dyDescent="0.2">
      <c r="B1848" s="7" t="s">
        <v>71</v>
      </c>
      <c r="C1848" s="4" t="s">
        <v>133</v>
      </c>
    </row>
    <row r="1849" spans="1:25" x14ac:dyDescent="0.2">
      <c r="B1849" s="4"/>
      <c r="C1849" s="4" t="s">
        <v>73</v>
      </c>
    </row>
    <row r="1851" spans="1:25" x14ac:dyDescent="0.2">
      <c r="C1851" t="s">
        <v>35</v>
      </c>
    </row>
    <row r="1852" spans="1:25" x14ac:dyDescent="0.2">
      <c r="B1852" s="74" t="s">
        <v>213</v>
      </c>
      <c r="C1852" s="75"/>
      <c r="D1852" s="75"/>
      <c r="E1852" s="75"/>
      <c r="F1852" s="75"/>
      <c r="G1852" s="75"/>
      <c r="H1852" s="75"/>
      <c r="I1852" s="75"/>
      <c r="J1852" s="75"/>
      <c r="K1852" s="75"/>
      <c r="L1852" s="75"/>
      <c r="M1852" s="75"/>
      <c r="N1852" s="75"/>
      <c r="O1852" s="75"/>
      <c r="P1852" s="75"/>
      <c r="Q1852" s="75"/>
      <c r="R1852" s="75"/>
      <c r="S1852" s="75"/>
      <c r="T1852" s="75"/>
      <c r="U1852" s="75"/>
      <c r="V1852" s="75"/>
      <c r="W1852" s="75"/>
      <c r="X1852" s="75"/>
      <c r="Y1852" s="75"/>
    </row>
    <row r="1853" spans="1:25" s="32" customFormat="1" ht="47.25" customHeight="1" x14ac:dyDescent="0.15">
      <c r="A1853" s="31"/>
      <c r="D1853" s="33" t="s">
        <v>242</v>
      </c>
      <c r="E1853" s="35" t="s">
        <v>349</v>
      </c>
      <c r="F1853" s="36" t="s">
        <v>350</v>
      </c>
      <c r="G1853" s="37" t="s">
        <v>351</v>
      </c>
      <c r="H1853" s="34" t="s">
        <v>251</v>
      </c>
    </row>
    <row r="1854" spans="1:25" ht="21.6" x14ac:dyDescent="0.2">
      <c r="B1854" s="76" t="s">
        <v>37</v>
      </c>
      <c r="C1854" s="38" t="s">
        <v>58</v>
      </c>
      <c r="D1854" s="51">
        <v>609</v>
      </c>
      <c r="E1854" s="52">
        <v>51.7</v>
      </c>
      <c r="F1854" s="52">
        <v>6.4</v>
      </c>
      <c r="G1854" s="53">
        <v>41.9</v>
      </c>
    </row>
    <row r="1855" spans="1:25" ht="21.6" x14ac:dyDescent="0.2">
      <c r="B1855" s="76"/>
      <c r="C1855" s="39" t="s">
        <v>59</v>
      </c>
      <c r="D1855" s="45">
        <v>1391</v>
      </c>
      <c r="E1855" s="46">
        <v>51.2</v>
      </c>
      <c r="F1855" s="46">
        <v>8.1</v>
      </c>
      <c r="G1855" s="47">
        <v>40.799999999999997</v>
      </c>
    </row>
    <row r="1856" spans="1:25" x14ac:dyDescent="0.2">
      <c r="B1856" s="76"/>
      <c r="C1856" s="39" t="s">
        <v>60</v>
      </c>
      <c r="D1856" s="45">
        <v>1325</v>
      </c>
      <c r="E1856" s="46">
        <v>50.7</v>
      </c>
      <c r="F1856" s="46">
        <v>6</v>
      </c>
      <c r="G1856" s="47">
        <v>43.3</v>
      </c>
    </row>
    <row r="1857" spans="2:7" x14ac:dyDescent="0.2">
      <c r="B1857" s="76"/>
      <c r="C1857" s="39" t="s">
        <v>61</v>
      </c>
      <c r="D1857" s="45">
        <v>675</v>
      </c>
      <c r="E1857" s="46">
        <v>52.6</v>
      </c>
      <c r="F1857" s="46">
        <v>10.7</v>
      </c>
      <c r="G1857" s="47">
        <v>36.700000000000003</v>
      </c>
    </row>
    <row r="1858" spans="2:7" x14ac:dyDescent="0.2">
      <c r="B1858" s="76"/>
      <c r="C1858" s="39" t="s">
        <v>62</v>
      </c>
      <c r="D1858" s="45">
        <v>1086</v>
      </c>
      <c r="E1858" s="46">
        <v>55.1</v>
      </c>
      <c r="F1858" s="46">
        <v>4.5</v>
      </c>
      <c r="G1858" s="47">
        <v>40.4</v>
      </c>
    </row>
    <row r="1859" spans="2:7" ht="21.6" x14ac:dyDescent="0.2">
      <c r="B1859" s="76"/>
      <c r="C1859" s="39" t="s">
        <v>63</v>
      </c>
      <c r="D1859" s="45">
        <v>203</v>
      </c>
      <c r="E1859" s="46">
        <v>16.7</v>
      </c>
      <c r="F1859" s="46">
        <v>1</v>
      </c>
      <c r="G1859" s="47">
        <v>82.3</v>
      </c>
    </row>
    <row r="1860" spans="2:7" x14ac:dyDescent="0.2">
      <c r="B1860" s="76"/>
      <c r="C1860" s="39" t="s">
        <v>64</v>
      </c>
      <c r="D1860" s="45">
        <v>263</v>
      </c>
      <c r="E1860" s="46">
        <v>55.9</v>
      </c>
      <c r="F1860" s="46">
        <v>2.2999999999999998</v>
      </c>
      <c r="G1860" s="47">
        <v>41.8</v>
      </c>
    </row>
    <row r="1861" spans="2:7" x14ac:dyDescent="0.2">
      <c r="B1861" s="76"/>
      <c r="C1861" s="39" t="s">
        <v>65</v>
      </c>
      <c r="D1861" s="45">
        <v>312</v>
      </c>
      <c r="E1861" s="46">
        <v>60.3</v>
      </c>
      <c r="F1861" s="46">
        <v>5.8</v>
      </c>
      <c r="G1861" s="47">
        <v>34</v>
      </c>
    </row>
    <row r="1862" spans="2:7" x14ac:dyDescent="0.2">
      <c r="B1862" s="76"/>
      <c r="C1862" s="39" t="s">
        <v>66</v>
      </c>
      <c r="D1862" s="45">
        <v>230</v>
      </c>
      <c r="E1862" s="46">
        <v>74.3</v>
      </c>
      <c r="F1862" s="46">
        <v>5.7</v>
      </c>
      <c r="G1862" s="47">
        <v>20</v>
      </c>
    </row>
    <row r="1863" spans="2:7" x14ac:dyDescent="0.2">
      <c r="B1863" s="76"/>
      <c r="C1863" s="39" t="s">
        <v>67</v>
      </c>
      <c r="D1863" s="45">
        <v>78</v>
      </c>
      <c r="E1863" s="46">
        <v>74.400000000000006</v>
      </c>
      <c r="F1863" s="46">
        <v>12.8</v>
      </c>
      <c r="G1863" s="47">
        <v>12.8</v>
      </c>
    </row>
    <row r="1864" spans="2:7" x14ac:dyDescent="0.2">
      <c r="B1864" s="76"/>
      <c r="C1864" s="39" t="s">
        <v>68</v>
      </c>
      <c r="D1864" s="45">
        <v>897</v>
      </c>
      <c r="E1864" s="46">
        <v>61.6</v>
      </c>
      <c r="F1864" s="46">
        <v>3.9</v>
      </c>
      <c r="G1864" s="47">
        <v>34.4</v>
      </c>
    </row>
    <row r="1865" spans="2:7" x14ac:dyDescent="0.2">
      <c r="B1865" s="76"/>
      <c r="C1865" s="39" t="s">
        <v>69</v>
      </c>
      <c r="D1865" s="45">
        <v>189</v>
      </c>
      <c r="E1865" s="46">
        <v>23.8</v>
      </c>
      <c r="F1865" s="46">
        <v>7.4</v>
      </c>
      <c r="G1865" s="47">
        <v>68.8</v>
      </c>
    </row>
    <row r="1866" spans="2:7" x14ac:dyDescent="0.2">
      <c r="B1866" s="76"/>
      <c r="C1866" s="39" t="s">
        <v>70</v>
      </c>
      <c r="D1866" s="45">
        <v>914</v>
      </c>
      <c r="E1866" s="46">
        <v>46.9</v>
      </c>
      <c r="F1866" s="46">
        <v>11.2</v>
      </c>
      <c r="G1866" s="47">
        <v>41.9</v>
      </c>
    </row>
    <row r="1867" spans="2:7" ht="21.6" x14ac:dyDescent="0.2">
      <c r="B1867" s="76"/>
      <c r="C1867" s="39" t="s">
        <v>63</v>
      </c>
      <c r="D1867" s="45">
        <v>193</v>
      </c>
      <c r="E1867" s="46">
        <v>18.100000000000001</v>
      </c>
      <c r="F1867" s="46">
        <v>1</v>
      </c>
      <c r="G1867" s="47">
        <v>80.8</v>
      </c>
    </row>
    <row r="1868" spans="2:7" x14ac:dyDescent="0.2">
      <c r="B1868" s="76"/>
      <c r="C1868" s="39" t="s">
        <v>64</v>
      </c>
      <c r="D1868" s="45">
        <v>203</v>
      </c>
      <c r="E1868" s="46">
        <v>48.8</v>
      </c>
      <c r="F1868" s="46">
        <v>6.9</v>
      </c>
      <c r="G1868" s="47">
        <v>44.3</v>
      </c>
    </row>
    <row r="1869" spans="2:7" x14ac:dyDescent="0.2">
      <c r="B1869" s="76"/>
      <c r="C1869" s="39" t="s">
        <v>65</v>
      </c>
      <c r="D1869" s="45">
        <v>263</v>
      </c>
      <c r="E1869" s="46">
        <v>51</v>
      </c>
      <c r="F1869" s="46">
        <v>14.4</v>
      </c>
      <c r="G1869" s="47">
        <v>34.6</v>
      </c>
    </row>
    <row r="1870" spans="2:7" x14ac:dyDescent="0.2">
      <c r="B1870" s="76"/>
      <c r="C1870" s="39" t="s">
        <v>66</v>
      </c>
      <c r="D1870" s="45">
        <v>194</v>
      </c>
      <c r="E1870" s="46">
        <v>61.3</v>
      </c>
      <c r="F1870" s="46">
        <v>17</v>
      </c>
      <c r="G1870" s="47">
        <v>21.6</v>
      </c>
    </row>
    <row r="1871" spans="2:7" x14ac:dyDescent="0.2">
      <c r="B1871" s="76"/>
      <c r="C1871" s="39" t="s">
        <v>67</v>
      </c>
      <c r="D1871" s="45">
        <v>61</v>
      </c>
      <c r="E1871" s="46">
        <v>68.900000000000006</v>
      </c>
      <c r="F1871" s="46">
        <v>24.6</v>
      </c>
      <c r="G1871" s="47">
        <v>6.6</v>
      </c>
    </row>
    <row r="1872" spans="2:7" x14ac:dyDescent="0.2">
      <c r="B1872" s="76"/>
      <c r="C1872" s="39" t="s">
        <v>68</v>
      </c>
      <c r="D1872" s="45">
        <v>416</v>
      </c>
      <c r="E1872" s="46">
        <v>34.6</v>
      </c>
      <c r="F1872" s="46">
        <v>11.5</v>
      </c>
      <c r="G1872" s="47">
        <v>53.8</v>
      </c>
    </row>
    <row r="1873" spans="1:25" x14ac:dyDescent="0.2">
      <c r="B1873" s="76"/>
      <c r="C1873" s="40" t="s">
        <v>69</v>
      </c>
      <c r="D1873" s="48">
        <v>498</v>
      </c>
      <c r="E1873" s="49">
        <v>57.2</v>
      </c>
      <c r="F1873" s="49">
        <v>10.8</v>
      </c>
      <c r="G1873" s="50">
        <v>31.9</v>
      </c>
    </row>
    <row r="1874" spans="1:25" x14ac:dyDescent="0.2">
      <c r="B1874" s="7" t="s">
        <v>71</v>
      </c>
      <c r="C1874" s="4" t="s">
        <v>133</v>
      </c>
    </row>
    <row r="1875" spans="1:25" x14ac:dyDescent="0.2">
      <c r="B1875" s="4"/>
      <c r="C1875" s="4" t="s">
        <v>73</v>
      </c>
    </row>
    <row r="1877" spans="1:25" x14ac:dyDescent="0.2">
      <c r="A1877" s="26" t="s">
        <v>25</v>
      </c>
      <c r="B1877" t="s">
        <v>35</v>
      </c>
      <c r="C1877" t="s">
        <v>35</v>
      </c>
    </row>
    <row r="1878" spans="1:25" x14ac:dyDescent="0.2">
      <c r="B1878" s="74" t="s">
        <v>134</v>
      </c>
      <c r="C1878" s="75"/>
      <c r="D1878" s="75"/>
      <c r="E1878" s="75"/>
      <c r="F1878" s="75"/>
      <c r="G1878" s="75"/>
      <c r="H1878" s="75"/>
      <c r="I1878" s="75"/>
      <c r="J1878" s="75"/>
      <c r="K1878" s="75"/>
      <c r="L1878" s="75"/>
      <c r="M1878" s="75"/>
      <c r="N1878" s="75"/>
      <c r="O1878" s="75"/>
      <c r="P1878" s="75"/>
      <c r="Q1878" s="75"/>
      <c r="R1878" s="75"/>
      <c r="S1878" s="75"/>
      <c r="T1878" s="75"/>
      <c r="U1878" s="75"/>
      <c r="V1878" s="75"/>
      <c r="W1878" s="75"/>
      <c r="X1878" s="75"/>
      <c r="Y1878" s="75"/>
    </row>
    <row r="1879" spans="1:25" s="32" customFormat="1" ht="47.25" customHeight="1" x14ac:dyDescent="0.15">
      <c r="A1879" s="31"/>
      <c r="D1879" s="33" t="s">
        <v>242</v>
      </c>
      <c r="E1879" s="35" t="s">
        <v>352</v>
      </c>
      <c r="F1879" s="36" t="s">
        <v>353</v>
      </c>
      <c r="G1879" s="36" t="s">
        <v>354</v>
      </c>
      <c r="H1879" s="36" t="s">
        <v>355</v>
      </c>
      <c r="I1879" s="36" t="s">
        <v>356</v>
      </c>
      <c r="J1879" s="36" t="s">
        <v>357</v>
      </c>
      <c r="K1879" s="36" t="s">
        <v>264</v>
      </c>
      <c r="L1879" s="37" t="s">
        <v>358</v>
      </c>
      <c r="M1879" s="34" t="s">
        <v>251</v>
      </c>
    </row>
    <row r="1880" spans="1:25" x14ac:dyDescent="0.2">
      <c r="B1880" s="5"/>
      <c r="C1880" s="41" t="s">
        <v>38</v>
      </c>
      <c r="D1880" s="42">
        <v>2000</v>
      </c>
      <c r="E1880" s="43">
        <v>50.4</v>
      </c>
      <c r="F1880" s="43">
        <v>35.1</v>
      </c>
      <c r="G1880" s="43">
        <v>22.8</v>
      </c>
      <c r="H1880" s="43">
        <v>0.2</v>
      </c>
      <c r="I1880" s="43">
        <v>1.4</v>
      </c>
      <c r="J1880" s="43">
        <v>8.3000000000000007</v>
      </c>
      <c r="K1880" s="43">
        <v>1.7</v>
      </c>
      <c r="L1880" s="44">
        <v>24.1</v>
      </c>
    </row>
    <row r="1881" spans="1:25" x14ac:dyDescent="0.2">
      <c r="B1881" s="76" t="s">
        <v>37</v>
      </c>
      <c r="C1881" s="39" t="s">
        <v>39</v>
      </c>
      <c r="D1881" s="45">
        <v>111</v>
      </c>
      <c r="E1881" s="46">
        <v>48.6</v>
      </c>
      <c r="F1881" s="46">
        <v>36.9</v>
      </c>
      <c r="G1881" s="46">
        <v>18</v>
      </c>
      <c r="H1881" s="46">
        <v>0</v>
      </c>
      <c r="I1881" s="46">
        <v>0</v>
      </c>
      <c r="J1881" s="46">
        <v>7.2</v>
      </c>
      <c r="K1881" s="46">
        <v>2.7</v>
      </c>
      <c r="L1881" s="47">
        <v>30.6</v>
      </c>
    </row>
    <row r="1882" spans="1:25" x14ac:dyDescent="0.2">
      <c r="B1882" s="76"/>
      <c r="C1882" s="39" t="s">
        <v>40</v>
      </c>
      <c r="D1882" s="45">
        <v>450</v>
      </c>
      <c r="E1882" s="46">
        <v>56.7</v>
      </c>
      <c r="F1882" s="46">
        <v>38.700000000000003</v>
      </c>
      <c r="G1882" s="46">
        <v>18.399999999999999</v>
      </c>
      <c r="H1882" s="46">
        <v>0</v>
      </c>
      <c r="I1882" s="46">
        <v>0.9</v>
      </c>
      <c r="J1882" s="46">
        <v>5.8</v>
      </c>
      <c r="K1882" s="46">
        <v>1.3</v>
      </c>
      <c r="L1882" s="47">
        <v>24.2</v>
      </c>
    </row>
    <row r="1883" spans="1:25" ht="21.6" x14ac:dyDescent="0.2">
      <c r="B1883" s="76"/>
      <c r="C1883" s="39" t="s">
        <v>41</v>
      </c>
      <c r="D1883" s="45">
        <v>30</v>
      </c>
      <c r="E1883" s="46">
        <v>46.7</v>
      </c>
      <c r="F1883" s="46">
        <v>33.299999999999997</v>
      </c>
      <c r="G1883" s="46">
        <v>26.7</v>
      </c>
      <c r="H1883" s="46">
        <v>0</v>
      </c>
      <c r="I1883" s="46">
        <v>3.3</v>
      </c>
      <c r="J1883" s="46">
        <v>10</v>
      </c>
      <c r="K1883" s="46">
        <v>3.3</v>
      </c>
      <c r="L1883" s="47">
        <v>26.7</v>
      </c>
    </row>
    <row r="1884" spans="1:25" ht="21.6" x14ac:dyDescent="0.2">
      <c r="B1884" s="76"/>
      <c r="C1884" s="39" t="s">
        <v>42</v>
      </c>
      <c r="D1884" s="45">
        <v>336</v>
      </c>
      <c r="E1884" s="46">
        <v>50</v>
      </c>
      <c r="F1884" s="46">
        <v>34.799999999999997</v>
      </c>
      <c r="G1884" s="46">
        <v>19.899999999999999</v>
      </c>
      <c r="H1884" s="46">
        <v>0</v>
      </c>
      <c r="I1884" s="46">
        <v>1.5</v>
      </c>
      <c r="J1884" s="46">
        <v>7.7</v>
      </c>
      <c r="K1884" s="46">
        <v>2.7</v>
      </c>
      <c r="L1884" s="47">
        <v>26.2</v>
      </c>
    </row>
    <row r="1885" spans="1:25" ht="21.6" x14ac:dyDescent="0.2">
      <c r="B1885" s="76"/>
      <c r="C1885" s="39" t="s">
        <v>43</v>
      </c>
      <c r="D1885" s="45">
        <v>327</v>
      </c>
      <c r="E1885" s="46">
        <v>50.5</v>
      </c>
      <c r="F1885" s="46">
        <v>35.200000000000003</v>
      </c>
      <c r="G1885" s="46">
        <v>28.7</v>
      </c>
      <c r="H1885" s="46">
        <v>0.3</v>
      </c>
      <c r="I1885" s="46">
        <v>3.4</v>
      </c>
      <c r="J1885" s="46">
        <v>11.6</v>
      </c>
      <c r="K1885" s="46">
        <v>1.8</v>
      </c>
      <c r="L1885" s="47">
        <v>17.7</v>
      </c>
    </row>
    <row r="1886" spans="1:25" ht="21.6" x14ac:dyDescent="0.2">
      <c r="B1886" s="76"/>
      <c r="C1886" s="39" t="s">
        <v>44</v>
      </c>
      <c r="D1886" s="45">
        <v>181</v>
      </c>
      <c r="E1886" s="46">
        <v>52.5</v>
      </c>
      <c r="F1886" s="46">
        <v>33.1</v>
      </c>
      <c r="G1886" s="46">
        <v>26.5</v>
      </c>
      <c r="H1886" s="46">
        <v>0</v>
      </c>
      <c r="I1886" s="46">
        <v>0.6</v>
      </c>
      <c r="J1886" s="46">
        <v>11</v>
      </c>
      <c r="K1886" s="46">
        <v>2.2000000000000002</v>
      </c>
      <c r="L1886" s="47">
        <v>19.899999999999999</v>
      </c>
    </row>
    <row r="1887" spans="1:25" ht="21.6" x14ac:dyDescent="0.2">
      <c r="B1887" s="76"/>
      <c r="C1887" s="39" t="s">
        <v>45</v>
      </c>
      <c r="D1887" s="45">
        <v>565</v>
      </c>
      <c r="E1887" s="46">
        <v>45.3</v>
      </c>
      <c r="F1887" s="46">
        <v>32.700000000000003</v>
      </c>
      <c r="G1887" s="46">
        <v>24.1</v>
      </c>
      <c r="H1887" s="46">
        <v>0.4</v>
      </c>
      <c r="I1887" s="46">
        <v>1.1000000000000001</v>
      </c>
      <c r="J1887" s="46">
        <v>8</v>
      </c>
      <c r="K1887" s="46">
        <v>0.9</v>
      </c>
      <c r="L1887" s="47">
        <v>26.4</v>
      </c>
    </row>
    <row r="1888" spans="1:25" ht="21.6" x14ac:dyDescent="0.2">
      <c r="B1888" s="76"/>
      <c r="C1888" s="39" t="s">
        <v>46</v>
      </c>
      <c r="D1888" s="45">
        <v>473</v>
      </c>
      <c r="E1888" s="46">
        <v>26.2</v>
      </c>
      <c r="F1888" s="46">
        <v>18.399999999999999</v>
      </c>
      <c r="G1888" s="46">
        <v>17.100000000000001</v>
      </c>
      <c r="H1888" s="46">
        <v>0.2</v>
      </c>
      <c r="I1888" s="46">
        <v>0</v>
      </c>
      <c r="J1888" s="46">
        <v>4.9000000000000004</v>
      </c>
      <c r="K1888" s="46">
        <v>1.5</v>
      </c>
      <c r="L1888" s="47">
        <v>51.4</v>
      </c>
    </row>
    <row r="1889" spans="2:25" ht="21.6" x14ac:dyDescent="0.2">
      <c r="B1889" s="76"/>
      <c r="C1889" s="39" t="s">
        <v>47</v>
      </c>
      <c r="D1889" s="45">
        <v>441</v>
      </c>
      <c r="E1889" s="46">
        <v>49.7</v>
      </c>
      <c r="F1889" s="46">
        <v>35.1</v>
      </c>
      <c r="G1889" s="46">
        <v>19.5</v>
      </c>
      <c r="H1889" s="46">
        <v>0.2</v>
      </c>
      <c r="I1889" s="46">
        <v>1.6</v>
      </c>
      <c r="J1889" s="46">
        <v>5.7</v>
      </c>
      <c r="K1889" s="46">
        <v>2.5</v>
      </c>
      <c r="L1889" s="47">
        <v>27.2</v>
      </c>
    </row>
    <row r="1890" spans="2:25" ht="21.6" x14ac:dyDescent="0.2">
      <c r="B1890" s="76"/>
      <c r="C1890" s="39" t="s">
        <v>48</v>
      </c>
      <c r="D1890" s="45">
        <v>305</v>
      </c>
      <c r="E1890" s="46">
        <v>66.2</v>
      </c>
      <c r="F1890" s="46">
        <v>47.5</v>
      </c>
      <c r="G1890" s="46">
        <v>18</v>
      </c>
      <c r="H1890" s="46">
        <v>0</v>
      </c>
      <c r="I1890" s="46">
        <v>1.6</v>
      </c>
      <c r="J1890" s="46">
        <v>4.9000000000000004</v>
      </c>
      <c r="K1890" s="46">
        <v>2</v>
      </c>
      <c r="L1890" s="47">
        <v>14.8</v>
      </c>
    </row>
    <row r="1891" spans="2:25" ht="21.6" x14ac:dyDescent="0.2">
      <c r="B1891" s="76"/>
      <c r="C1891" s="39" t="s">
        <v>49</v>
      </c>
      <c r="D1891" s="45">
        <v>223</v>
      </c>
      <c r="E1891" s="46">
        <v>78</v>
      </c>
      <c r="F1891" s="46">
        <v>52.9</v>
      </c>
      <c r="G1891" s="46">
        <v>12.6</v>
      </c>
      <c r="H1891" s="46">
        <v>0.4</v>
      </c>
      <c r="I1891" s="46">
        <v>0.4</v>
      </c>
      <c r="J1891" s="46">
        <v>5.4</v>
      </c>
      <c r="K1891" s="46">
        <v>1.3</v>
      </c>
      <c r="L1891" s="47">
        <v>8.1</v>
      </c>
    </row>
    <row r="1892" spans="2:25" ht="21.6" x14ac:dyDescent="0.2">
      <c r="B1892" s="76"/>
      <c r="C1892" s="39" t="s">
        <v>50</v>
      </c>
      <c r="D1892" s="45">
        <v>123</v>
      </c>
      <c r="E1892" s="46">
        <v>73.2</v>
      </c>
      <c r="F1892" s="46">
        <v>52.8</v>
      </c>
      <c r="G1892" s="46">
        <v>21.1</v>
      </c>
      <c r="H1892" s="46">
        <v>0</v>
      </c>
      <c r="I1892" s="46">
        <v>1.6</v>
      </c>
      <c r="J1892" s="46">
        <v>10.6</v>
      </c>
      <c r="K1892" s="46">
        <v>0.8</v>
      </c>
      <c r="L1892" s="47">
        <v>5.7</v>
      </c>
    </row>
    <row r="1893" spans="2:25" ht="21.6" x14ac:dyDescent="0.2">
      <c r="B1893" s="76"/>
      <c r="C1893" s="39" t="s">
        <v>51</v>
      </c>
      <c r="D1893" s="45">
        <v>124</v>
      </c>
      <c r="E1893" s="46">
        <v>71</v>
      </c>
      <c r="F1893" s="46">
        <v>50.8</v>
      </c>
      <c r="G1893" s="46">
        <v>27.4</v>
      </c>
      <c r="H1893" s="46">
        <v>0</v>
      </c>
      <c r="I1893" s="46">
        <v>1.6</v>
      </c>
      <c r="J1893" s="46">
        <v>11.3</v>
      </c>
      <c r="K1893" s="46">
        <v>0.8</v>
      </c>
      <c r="L1893" s="47">
        <v>4</v>
      </c>
    </row>
    <row r="1894" spans="2:25" ht="21.6" x14ac:dyDescent="0.2">
      <c r="B1894" s="76"/>
      <c r="C1894" s="39" t="s">
        <v>52</v>
      </c>
      <c r="D1894" s="45">
        <v>312</v>
      </c>
      <c r="E1894" s="46">
        <v>51.6</v>
      </c>
      <c r="F1894" s="46">
        <v>35.6</v>
      </c>
      <c r="G1894" s="46">
        <v>22.8</v>
      </c>
      <c r="H1894" s="46">
        <v>0.3</v>
      </c>
      <c r="I1894" s="46">
        <v>1</v>
      </c>
      <c r="J1894" s="46">
        <v>5.8</v>
      </c>
      <c r="K1894" s="46">
        <v>1.6</v>
      </c>
      <c r="L1894" s="47">
        <v>23.7</v>
      </c>
    </row>
    <row r="1895" spans="2:25" x14ac:dyDescent="0.2">
      <c r="B1895" s="76"/>
      <c r="C1895" s="39" t="s">
        <v>53</v>
      </c>
      <c r="D1895" s="45">
        <v>269</v>
      </c>
      <c r="E1895" s="46">
        <v>48.7</v>
      </c>
      <c r="F1895" s="46">
        <v>33.5</v>
      </c>
      <c r="G1895" s="46">
        <v>24.9</v>
      </c>
      <c r="H1895" s="46">
        <v>0.4</v>
      </c>
      <c r="I1895" s="46">
        <v>2.6</v>
      </c>
      <c r="J1895" s="46">
        <v>10.8</v>
      </c>
      <c r="K1895" s="46">
        <v>2.2000000000000002</v>
      </c>
      <c r="L1895" s="47">
        <v>23.4</v>
      </c>
    </row>
    <row r="1896" spans="2:25" ht="21.6" x14ac:dyDescent="0.2">
      <c r="B1896" s="76"/>
      <c r="C1896" s="39" t="s">
        <v>54</v>
      </c>
      <c r="D1896" s="45">
        <v>511</v>
      </c>
      <c r="E1896" s="46">
        <v>48.9</v>
      </c>
      <c r="F1896" s="46">
        <v>36.4</v>
      </c>
      <c r="G1896" s="46">
        <v>22.5</v>
      </c>
      <c r="H1896" s="46">
        <v>0</v>
      </c>
      <c r="I1896" s="46">
        <v>1.6</v>
      </c>
      <c r="J1896" s="46">
        <v>8</v>
      </c>
      <c r="K1896" s="46">
        <v>2</v>
      </c>
      <c r="L1896" s="47">
        <v>25.6</v>
      </c>
    </row>
    <row r="1897" spans="2:25" ht="21.6" x14ac:dyDescent="0.2">
      <c r="B1897" s="76"/>
      <c r="C1897" s="39" t="s">
        <v>55</v>
      </c>
      <c r="D1897" s="45">
        <v>615</v>
      </c>
      <c r="E1897" s="46">
        <v>55.4</v>
      </c>
      <c r="F1897" s="46">
        <v>38</v>
      </c>
      <c r="G1897" s="46">
        <v>18</v>
      </c>
      <c r="H1897" s="46">
        <v>0</v>
      </c>
      <c r="I1897" s="46">
        <v>0.7</v>
      </c>
      <c r="J1897" s="46">
        <v>5.7</v>
      </c>
      <c r="K1897" s="46">
        <v>1.1000000000000001</v>
      </c>
      <c r="L1897" s="47">
        <v>25</v>
      </c>
    </row>
    <row r="1898" spans="2:25" ht="21.6" x14ac:dyDescent="0.2">
      <c r="B1898" s="76"/>
      <c r="C1898" s="39" t="s">
        <v>56</v>
      </c>
      <c r="D1898" s="45">
        <v>800</v>
      </c>
      <c r="E1898" s="46">
        <v>53.5</v>
      </c>
      <c r="F1898" s="46">
        <v>38.1</v>
      </c>
      <c r="G1898" s="46">
        <v>19.600000000000001</v>
      </c>
      <c r="H1898" s="46">
        <v>0.1</v>
      </c>
      <c r="I1898" s="46">
        <v>1.3</v>
      </c>
      <c r="J1898" s="46">
        <v>7.6</v>
      </c>
      <c r="K1898" s="46">
        <v>1.3</v>
      </c>
      <c r="L1898" s="47">
        <v>24.6</v>
      </c>
    </row>
    <row r="1899" spans="2:25" x14ac:dyDescent="0.2">
      <c r="B1899" s="76"/>
      <c r="C1899" s="40" t="s">
        <v>57</v>
      </c>
      <c r="D1899" s="48">
        <v>798</v>
      </c>
      <c r="E1899" s="49">
        <v>55</v>
      </c>
      <c r="F1899" s="49">
        <v>37.6</v>
      </c>
      <c r="G1899" s="49">
        <v>21.1</v>
      </c>
      <c r="H1899" s="49">
        <v>0.3</v>
      </c>
      <c r="I1899" s="49">
        <v>1.1000000000000001</v>
      </c>
      <c r="J1899" s="49">
        <v>6</v>
      </c>
      <c r="K1899" s="49">
        <v>1.8</v>
      </c>
      <c r="L1899" s="50">
        <v>22.4</v>
      </c>
    </row>
    <row r="1900" spans="2:25" x14ac:dyDescent="0.2">
      <c r="B1900" s="7" t="s">
        <v>71</v>
      </c>
      <c r="C1900" s="4" t="s">
        <v>135</v>
      </c>
    </row>
    <row r="1901" spans="2:25" x14ac:dyDescent="0.2">
      <c r="B1901" s="4"/>
      <c r="C1901" s="4" t="s">
        <v>73</v>
      </c>
    </row>
    <row r="1903" spans="2:25" x14ac:dyDescent="0.2">
      <c r="C1903" t="s">
        <v>35</v>
      </c>
    </row>
    <row r="1904" spans="2:25" x14ac:dyDescent="0.2">
      <c r="B1904" s="74" t="s">
        <v>214</v>
      </c>
      <c r="C1904" s="75"/>
      <c r="D1904" s="75"/>
      <c r="E1904" s="75"/>
      <c r="F1904" s="75"/>
      <c r="G1904" s="75"/>
      <c r="H1904" s="75"/>
      <c r="I1904" s="75"/>
      <c r="J1904" s="75"/>
      <c r="K1904" s="75"/>
      <c r="L1904" s="75"/>
      <c r="M1904" s="75"/>
      <c r="N1904" s="75"/>
      <c r="O1904" s="75"/>
      <c r="P1904" s="75"/>
      <c r="Q1904" s="75"/>
      <c r="R1904" s="75"/>
      <c r="S1904" s="75"/>
      <c r="T1904" s="75"/>
      <c r="U1904" s="75"/>
      <c r="V1904" s="75"/>
      <c r="W1904" s="75"/>
      <c r="X1904" s="75"/>
      <c r="Y1904" s="75"/>
    </row>
    <row r="1905" spans="1:13" s="32" customFormat="1" ht="47.25" customHeight="1" x14ac:dyDescent="0.15">
      <c r="A1905" s="31"/>
      <c r="D1905" s="33" t="s">
        <v>242</v>
      </c>
      <c r="E1905" s="35" t="s">
        <v>352</v>
      </c>
      <c r="F1905" s="36" t="s">
        <v>353</v>
      </c>
      <c r="G1905" s="36" t="s">
        <v>354</v>
      </c>
      <c r="H1905" s="36" t="s">
        <v>355</v>
      </c>
      <c r="I1905" s="36" t="s">
        <v>356</v>
      </c>
      <c r="J1905" s="36" t="s">
        <v>357</v>
      </c>
      <c r="K1905" s="36" t="s">
        <v>264</v>
      </c>
      <c r="L1905" s="37" t="s">
        <v>358</v>
      </c>
      <c r="M1905" s="34" t="s">
        <v>251</v>
      </c>
    </row>
    <row r="1906" spans="1:13" ht="21.6" x14ac:dyDescent="0.2">
      <c r="B1906" s="76" t="s">
        <v>37</v>
      </c>
      <c r="C1906" s="38" t="s">
        <v>58</v>
      </c>
      <c r="D1906" s="51">
        <v>609</v>
      </c>
      <c r="E1906" s="52">
        <v>50.7</v>
      </c>
      <c r="F1906" s="52">
        <v>37.1</v>
      </c>
      <c r="G1906" s="52">
        <v>20</v>
      </c>
      <c r="H1906" s="52">
        <v>0.2</v>
      </c>
      <c r="I1906" s="52">
        <v>1.3</v>
      </c>
      <c r="J1906" s="52">
        <v>8</v>
      </c>
      <c r="K1906" s="52">
        <v>1.6</v>
      </c>
      <c r="L1906" s="53">
        <v>27.6</v>
      </c>
    </row>
    <row r="1907" spans="1:13" ht="21.6" x14ac:dyDescent="0.2">
      <c r="B1907" s="76"/>
      <c r="C1907" s="39" t="s">
        <v>59</v>
      </c>
      <c r="D1907" s="45">
        <v>1391</v>
      </c>
      <c r="E1907" s="46">
        <v>50.2</v>
      </c>
      <c r="F1907" s="46">
        <v>34.200000000000003</v>
      </c>
      <c r="G1907" s="46">
        <v>24</v>
      </c>
      <c r="H1907" s="46">
        <v>0.1</v>
      </c>
      <c r="I1907" s="46">
        <v>1.4</v>
      </c>
      <c r="J1907" s="46">
        <v>8.4</v>
      </c>
      <c r="K1907" s="46">
        <v>1.7</v>
      </c>
      <c r="L1907" s="47">
        <v>22.6</v>
      </c>
    </row>
    <row r="1908" spans="1:13" x14ac:dyDescent="0.2">
      <c r="B1908" s="76"/>
      <c r="C1908" s="39" t="s">
        <v>60</v>
      </c>
      <c r="D1908" s="45">
        <v>1325</v>
      </c>
      <c r="E1908" s="46">
        <v>49.8</v>
      </c>
      <c r="F1908" s="46">
        <v>33.5</v>
      </c>
      <c r="G1908" s="46">
        <v>22.3</v>
      </c>
      <c r="H1908" s="46">
        <v>0.2</v>
      </c>
      <c r="I1908" s="46">
        <v>1.3</v>
      </c>
      <c r="J1908" s="46">
        <v>8.6</v>
      </c>
      <c r="K1908" s="46">
        <v>1.4</v>
      </c>
      <c r="L1908" s="47">
        <v>25.8</v>
      </c>
    </row>
    <row r="1909" spans="1:13" x14ac:dyDescent="0.2">
      <c r="B1909" s="76"/>
      <c r="C1909" s="39" t="s">
        <v>61</v>
      </c>
      <c r="D1909" s="45">
        <v>675</v>
      </c>
      <c r="E1909" s="46">
        <v>51.4</v>
      </c>
      <c r="F1909" s="46">
        <v>38.200000000000003</v>
      </c>
      <c r="G1909" s="46">
        <v>23.9</v>
      </c>
      <c r="H1909" s="46">
        <v>0</v>
      </c>
      <c r="I1909" s="46">
        <v>1.6</v>
      </c>
      <c r="J1909" s="46">
        <v>7.7</v>
      </c>
      <c r="K1909" s="46">
        <v>2.4</v>
      </c>
      <c r="L1909" s="47">
        <v>20.7</v>
      </c>
    </row>
    <row r="1910" spans="1:13" x14ac:dyDescent="0.2">
      <c r="B1910" s="76"/>
      <c r="C1910" s="39" t="s">
        <v>62</v>
      </c>
      <c r="D1910" s="45">
        <v>1086</v>
      </c>
      <c r="E1910" s="46">
        <v>53.7</v>
      </c>
      <c r="F1910" s="46">
        <v>37.200000000000003</v>
      </c>
      <c r="G1910" s="46">
        <v>23.3</v>
      </c>
      <c r="H1910" s="46">
        <v>0</v>
      </c>
      <c r="I1910" s="46">
        <v>1.7</v>
      </c>
      <c r="J1910" s="46">
        <v>8</v>
      </c>
      <c r="K1910" s="46">
        <v>1.2</v>
      </c>
      <c r="L1910" s="47">
        <v>23.7</v>
      </c>
    </row>
    <row r="1911" spans="1:13" ht="21.6" x14ac:dyDescent="0.2">
      <c r="B1911" s="76"/>
      <c r="C1911" s="39" t="s">
        <v>63</v>
      </c>
      <c r="D1911" s="45">
        <v>203</v>
      </c>
      <c r="E1911" s="46">
        <v>16.3</v>
      </c>
      <c r="F1911" s="46">
        <v>8.4</v>
      </c>
      <c r="G1911" s="46">
        <v>48.8</v>
      </c>
      <c r="H1911" s="46">
        <v>0</v>
      </c>
      <c r="I1911" s="46">
        <v>6.4</v>
      </c>
      <c r="J1911" s="46">
        <v>23.6</v>
      </c>
      <c r="K1911" s="46">
        <v>2.5</v>
      </c>
      <c r="L1911" s="47">
        <v>32</v>
      </c>
    </row>
    <row r="1912" spans="1:13" x14ac:dyDescent="0.2">
      <c r="B1912" s="76"/>
      <c r="C1912" s="39" t="s">
        <v>64</v>
      </c>
      <c r="D1912" s="45">
        <v>263</v>
      </c>
      <c r="E1912" s="46">
        <v>55.1</v>
      </c>
      <c r="F1912" s="46">
        <v>40.299999999999997</v>
      </c>
      <c r="G1912" s="46">
        <v>18.600000000000001</v>
      </c>
      <c r="H1912" s="46">
        <v>0</v>
      </c>
      <c r="I1912" s="46">
        <v>0.8</v>
      </c>
      <c r="J1912" s="46">
        <v>6.5</v>
      </c>
      <c r="K1912" s="46">
        <v>2.2999999999999998</v>
      </c>
      <c r="L1912" s="47">
        <v>24.3</v>
      </c>
    </row>
    <row r="1913" spans="1:13" x14ac:dyDescent="0.2">
      <c r="B1913" s="76"/>
      <c r="C1913" s="39" t="s">
        <v>65</v>
      </c>
      <c r="D1913" s="45">
        <v>312</v>
      </c>
      <c r="E1913" s="46">
        <v>59.6</v>
      </c>
      <c r="F1913" s="46">
        <v>46.5</v>
      </c>
      <c r="G1913" s="46">
        <v>18.600000000000001</v>
      </c>
      <c r="H1913" s="46">
        <v>0</v>
      </c>
      <c r="I1913" s="46">
        <v>0.6</v>
      </c>
      <c r="J1913" s="46">
        <v>4.8</v>
      </c>
      <c r="K1913" s="46">
        <v>0</v>
      </c>
      <c r="L1913" s="47">
        <v>23.7</v>
      </c>
    </row>
    <row r="1914" spans="1:13" x14ac:dyDescent="0.2">
      <c r="B1914" s="76"/>
      <c r="C1914" s="39" t="s">
        <v>66</v>
      </c>
      <c r="D1914" s="45">
        <v>230</v>
      </c>
      <c r="E1914" s="46">
        <v>71.7</v>
      </c>
      <c r="F1914" s="46">
        <v>48.7</v>
      </c>
      <c r="G1914" s="46">
        <v>16.5</v>
      </c>
      <c r="H1914" s="46">
        <v>0</v>
      </c>
      <c r="I1914" s="46">
        <v>0.4</v>
      </c>
      <c r="J1914" s="46">
        <v>2.6</v>
      </c>
      <c r="K1914" s="46">
        <v>0.4</v>
      </c>
      <c r="L1914" s="47">
        <v>17</v>
      </c>
    </row>
    <row r="1915" spans="1:13" x14ac:dyDescent="0.2">
      <c r="B1915" s="76"/>
      <c r="C1915" s="39" t="s">
        <v>67</v>
      </c>
      <c r="D1915" s="45">
        <v>78</v>
      </c>
      <c r="E1915" s="46">
        <v>69.2</v>
      </c>
      <c r="F1915" s="46">
        <v>30.8</v>
      </c>
      <c r="G1915" s="46">
        <v>11.5</v>
      </c>
      <c r="H1915" s="46">
        <v>0</v>
      </c>
      <c r="I1915" s="46">
        <v>0</v>
      </c>
      <c r="J1915" s="46">
        <v>1.3</v>
      </c>
      <c r="K1915" s="46">
        <v>1.3</v>
      </c>
      <c r="L1915" s="47">
        <v>19.2</v>
      </c>
    </row>
    <row r="1916" spans="1:13" x14ac:dyDescent="0.2">
      <c r="B1916" s="76"/>
      <c r="C1916" s="39" t="s">
        <v>68</v>
      </c>
      <c r="D1916" s="45">
        <v>897</v>
      </c>
      <c r="E1916" s="46">
        <v>60.3</v>
      </c>
      <c r="F1916" s="46">
        <v>43</v>
      </c>
      <c r="G1916" s="46">
        <v>19.3</v>
      </c>
      <c r="H1916" s="46">
        <v>0</v>
      </c>
      <c r="I1916" s="46">
        <v>1.4</v>
      </c>
      <c r="J1916" s="46">
        <v>6</v>
      </c>
      <c r="K1916" s="46">
        <v>1</v>
      </c>
      <c r="L1916" s="47">
        <v>22</v>
      </c>
    </row>
    <row r="1917" spans="1:13" x14ac:dyDescent="0.2">
      <c r="B1917" s="76"/>
      <c r="C1917" s="39" t="s">
        <v>69</v>
      </c>
      <c r="D1917" s="45">
        <v>189</v>
      </c>
      <c r="E1917" s="46">
        <v>22.2</v>
      </c>
      <c r="F1917" s="46">
        <v>9.5</v>
      </c>
      <c r="G1917" s="46">
        <v>42.3</v>
      </c>
      <c r="H1917" s="46">
        <v>0</v>
      </c>
      <c r="I1917" s="46">
        <v>2.6</v>
      </c>
      <c r="J1917" s="46">
        <v>17.5</v>
      </c>
      <c r="K1917" s="46">
        <v>2.1</v>
      </c>
      <c r="L1917" s="47">
        <v>31.7</v>
      </c>
    </row>
    <row r="1918" spans="1:13" x14ac:dyDescent="0.2">
      <c r="B1918" s="76"/>
      <c r="C1918" s="39" t="s">
        <v>70</v>
      </c>
      <c r="D1918" s="45">
        <v>914</v>
      </c>
      <c r="E1918" s="46">
        <v>46.4</v>
      </c>
      <c r="F1918" s="46">
        <v>32.6</v>
      </c>
      <c r="G1918" s="46">
        <v>22.2</v>
      </c>
      <c r="H1918" s="46">
        <v>0.3</v>
      </c>
      <c r="I1918" s="46">
        <v>1.1000000000000001</v>
      </c>
      <c r="J1918" s="46">
        <v>8.6</v>
      </c>
      <c r="K1918" s="46">
        <v>2.2999999999999998</v>
      </c>
      <c r="L1918" s="47">
        <v>24.6</v>
      </c>
    </row>
    <row r="1919" spans="1:13" ht="21.6" x14ac:dyDescent="0.2">
      <c r="B1919" s="76"/>
      <c r="C1919" s="39" t="s">
        <v>63</v>
      </c>
      <c r="D1919" s="45">
        <v>193</v>
      </c>
      <c r="E1919" s="46">
        <v>17.100000000000001</v>
      </c>
      <c r="F1919" s="46">
        <v>7.3</v>
      </c>
      <c r="G1919" s="46">
        <v>39.9</v>
      </c>
      <c r="H1919" s="46">
        <v>0</v>
      </c>
      <c r="I1919" s="46">
        <v>4.0999999999999996</v>
      </c>
      <c r="J1919" s="46">
        <v>20.2</v>
      </c>
      <c r="K1919" s="46">
        <v>6.7</v>
      </c>
      <c r="L1919" s="47">
        <v>35.799999999999997</v>
      </c>
    </row>
    <row r="1920" spans="1:13" x14ac:dyDescent="0.2">
      <c r="B1920" s="76"/>
      <c r="C1920" s="39" t="s">
        <v>64</v>
      </c>
      <c r="D1920" s="45">
        <v>203</v>
      </c>
      <c r="E1920" s="46">
        <v>48.3</v>
      </c>
      <c r="F1920" s="46">
        <v>29.1</v>
      </c>
      <c r="G1920" s="46">
        <v>22.7</v>
      </c>
      <c r="H1920" s="46">
        <v>0</v>
      </c>
      <c r="I1920" s="46">
        <v>1</v>
      </c>
      <c r="J1920" s="46">
        <v>9.4</v>
      </c>
      <c r="K1920" s="46">
        <v>2.5</v>
      </c>
      <c r="L1920" s="47">
        <v>24.6</v>
      </c>
    </row>
    <row r="1921" spans="1:25" x14ac:dyDescent="0.2">
      <c r="B1921" s="76"/>
      <c r="C1921" s="39" t="s">
        <v>65</v>
      </c>
      <c r="D1921" s="45">
        <v>263</v>
      </c>
      <c r="E1921" s="46">
        <v>50.6</v>
      </c>
      <c r="F1921" s="46">
        <v>45.6</v>
      </c>
      <c r="G1921" s="46">
        <v>18.3</v>
      </c>
      <c r="H1921" s="46">
        <v>0.4</v>
      </c>
      <c r="I1921" s="46">
        <v>0</v>
      </c>
      <c r="J1921" s="46">
        <v>3.8</v>
      </c>
      <c r="K1921" s="46">
        <v>0.4</v>
      </c>
      <c r="L1921" s="47">
        <v>23.2</v>
      </c>
    </row>
    <row r="1922" spans="1:25" x14ac:dyDescent="0.2">
      <c r="B1922" s="76"/>
      <c r="C1922" s="39" t="s">
        <v>66</v>
      </c>
      <c r="D1922" s="45">
        <v>194</v>
      </c>
      <c r="E1922" s="46">
        <v>60.8</v>
      </c>
      <c r="F1922" s="46">
        <v>45.4</v>
      </c>
      <c r="G1922" s="46">
        <v>13.9</v>
      </c>
      <c r="H1922" s="46">
        <v>0.5</v>
      </c>
      <c r="I1922" s="46">
        <v>0</v>
      </c>
      <c r="J1922" s="46">
        <v>5.2</v>
      </c>
      <c r="K1922" s="46">
        <v>1</v>
      </c>
      <c r="L1922" s="47">
        <v>17</v>
      </c>
    </row>
    <row r="1923" spans="1:25" x14ac:dyDescent="0.2">
      <c r="B1923" s="76"/>
      <c r="C1923" s="39" t="s">
        <v>67</v>
      </c>
      <c r="D1923" s="45">
        <v>61</v>
      </c>
      <c r="E1923" s="46">
        <v>68.900000000000006</v>
      </c>
      <c r="F1923" s="46">
        <v>27.9</v>
      </c>
      <c r="G1923" s="46">
        <v>8.1999999999999993</v>
      </c>
      <c r="H1923" s="46">
        <v>1.6</v>
      </c>
      <c r="I1923" s="46">
        <v>0</v>
      </c>
      <c r="J1923" s="46">
        <v>1.6</v>
      </c>
      <c r="K1923" s="46">
        <v>0</v>
      </c>
      <c r="L1923" s="47">
        <v>19.7</v>
      </c>
    </row>
    <row r="1924" spans="1:25" x14ac:dyDescent="0.2">
      <c r="B1924" s="76"/>
      <c r="C1924" s="39" t="s">
        <v>68</v>
      </c>
      <c r="D1924" s="45">
        <v>416</v>
      </c>
      <c r="E1924" s="46">
        <v>34.1</v>
      </c>
      <c r="F1924" s="46">
        <v>25</v>
      </c>
      <c r="G1924" s="46">
        <v>24.5</v>
      </c>
      <c r="H1924" s="46">
        <v>0.2</v>
      </c>
      <c r="I1924" s="46">
        <v>1</v>
      </c>
      <c r="J1924" s="46">
        <v>9.6</v>
      </c>
      <c r="K1924" s="46">
        <v>1.9</v>
      </c>
      <c r="L1924" s="47">
        <v>34.9</v>
      </c>
    </row>
    <row r="1925" spans="1:25" x14ac:dyDescent="0.2">
      <c r="B1925" s="76"/>
      <c r="C1925" s="40" t="s">
        <v>69</v>
      </c>
      <c r="D1925" s="48">
        <v>498</v>
      </c>
      <c r="E1925" s="49">
        <v>56.6</v>
      </c>
      <c r="F1925" s="49">
        <v>39</v>
      </c>
      <c r="G1925" s="49">
        <v>20.3</v>
      </c>
      <c r="H1925" s="49">
        <v>0.4</v>
      </c>
      <c r="I1925" s="49">
        <v>1.2</v>
      </c>
      <c r="J1925" s="49">
        <v>7.8</v>
      </c>
      <c r="K1925" s="49">
        <v>2.6</v>
      </c>
      <c r="L1925" s="50">
        <v>16.100000000000001</v>
      </c>
    </row>
    <row r="1926" spans="1:25" x14ac:dyDescent="0.2">
      <c r="B1926" s="7" t="s">
        <v>71</v>
      </c>
      <c r="C1926" s="4" t="s">
        <v>135</v>
      </c>
    </row>
    <row r="1927" spans="1:25" x14ac:dyDescent="0.2">
      <c r="B1927" s="4"/>
      <c r="C1927" s="4" t="s">
        <v>73</v>
      </c>
    </row>
    <row r="1929" spans="1:25" x14ac:dyDescent="0.2">
      <c r="A1929" s="26" t="s">
        <v>25</v>
      </c>
      <c r="B1929" t="s">
        <v>35</v>
      </c>
      <c r="C1929" t="s">
        <v>35</v>
      </c>
    </row>
    <row r="1930" spans="1:25" x14ac:dyDescent="0.2">
      <c r="B1930" s="74" t="s">
        <v>136</v>
      </c>
      <c r="C1930" s="75"/>
      <c r="D1930" s="75"/>
      <c r="E1930" s="75"/>
      <c r="F1930" s="75"/>
      <c r="G1930" s="75"/>
      <c r="H1930" s="75"/>
      <c r="I1930" s="75"/>
      <c r="J1930" s="75"/>
      <c r="K1930" s="75"/>
      <c r="L1930" s="75"/>
      <c r="M1930" s="75"/>
      <c r="N1930" s="75"/>
      <c r="O1930" s="75"/>
      <c r="P1930" s="75"/>
      <c r="Q1930" s="75"/>
      <c r="R1930" s="75"/>
      <c r="S1930" s="75"/>
      <c r="T1930" s="75"/>
      <c r="U1930" s="75"/>
      <c r="V1930" s="75"/>
      <c r="W1930" s="75"/>
      <c r="X1930" s="75"/>
      <c r="Y1930" s="75"/>
    </row>
    <row r="1931" spans="1:25" s="32" customFormat="1" ht="47.25" customHeight="1" x14ac:dyDescent="0.15">
      <c r="A1931" s="31"/>
      <c r="D1931" s="33" t="s">
        <v>242</v>
      </c>
      <c r="E1931" s="35" t="s">
        <v>359</v>
      </c>
      <c r="F1931" s="36" t="s">
        <v>360</v>
      </c>
      <c r="G1931" s="36" t="s">
        <v>361</v>
      </c>
      <c r="H1931" s="55" t="s">
        <v>362</v>
      </c>
      <c r="I1931" s="56" t="s">
        <v>363</v>
      </c>
      <c r="J1931" s="54" t="s">
        <v>251</v>
      </c>
    </row>
    <row r="1932" spans="1:25" x14ac:dyDescent="0.2">
      <c r="B1932" s="5"/>
      <c r="C1932" s="41" t="s">
        <v>38</v>
      </c>
      <c r="D1932" s="42">
        <v>702</v>
      </c>
      <c r="E1932" s="43">
        <v>26.6</v>
      </c>
      <c r="F1932" s="43">
        <v>50.3</v>
      </c>
      <c r="G1932" s="43">
        <v>23.1</v>
      </c>
      <c r="H1932" s="43">
        <v>12.6</v>
      </c>
      <c r="I1932" s="57">
        <v>12</v>
      </c>
    </row>
    <row r="1933" spans="1:25" x14ac:dyDescent="0.2">
      <c r="B1933" s="76" t="s">
        <v>37</v>
      </c>
      <c r="C1933" s="39" t="s">
        <v>39</v>
      </c>
      <c r="D1933" s="45">
        <v>41</v>
      </c>
      <c r="E1933" s="46">
        <v>34.1</v>
      </c>
      <c r="F1933" s="46">
        <v>43.9</v>
      </c>
      <c r="G1933" s="46">
        <v>22</v>
      </c>
      <c r="H1933" s="46">
        <v>11.2</v>
      </c>
      <c r="I1933" s="58">
        <v>11</v>
      </c>
    </row>
    <row r="1934" spans="1:25" x14ac:dyDescent="0.2">
      <c r="B1934" s="76"/>
      <c r="C1934" s="39" t="s">
        <v>40</v>
      </c>
      <c r="D1934" s="45">
        <v>174</v>
      </c>
      <c r="E1934" s="46">
        <v>29.9</v>
      </c>
      <c r="F1934" s="46">
        <v>51.7</v>
      </c>
      <c r="G1934" s="46">
        <v>18.399999999999999</v>
      </c>
      <c r="H1934" s="46">
        <v>11.6</v>
      </c>
      <c r="I1934" s="58">
        <v>11</v>
      </c>
    </row>
    <row r="1935" spans="1:25" ht="21.6" x14ac:dyDescent="0.2">
      <c r="B1935" s="76"/>
      <c r="C1935" s="39" t="s">
        <v>41</v>
      </c>
      <c r="D1935" s="45">
        <v>10</v>
      </c>
      <c r="E1935" s="46">
        <v>30</v>
      </c>
      <c r="F1935" s="46">
        <v>60</v>
      </c>
      <c r="G1935" s="46">
        <v>10</v>
      </c>
      <c r="H1935" s="46">
        <v>12.1</v>
      </c>
      <c r="I1935" s="58">
        <v>13</v>
      </c>
    </row>
    <row r="1936" spans="1:25" ht="21.6" x14ac:dyDescent="0.2">
      <c r="B1936" s="76"/>
      <c r="C1936" s="39" t="s">
        <v>42</v>
      </c>
      <c r="D1936" s="45">
        <v>117</v>
      </c>
      <c r="E1936" s="46">
        <v>36.799999999999997</v>
      </c>
      <c r="F1936" s="46">
        <v>47</v>
      </c>
      <c r="G1936" s="46">
        <v>16.2</v>
      </c>
      <c r="H1936" s="46">
        <v>10.6</v>
      </c>
      <c r="I1936" s="58">
        <v>10</v>
      </c>
    </row>
    <row r="1937" spans="2:9" ht="21.6" x14ac:dyDescent="0.2">
      <c r="B1937" s="76"/>
      <c r="C1937" s="39" t="s">
        <v>43</v>
      </c>
      <c r="D1937" s="45">
        <v>115</v>
      </c>
      <c r="E1937" s="46">
        <v>20</v>
      </c>
      <c r="F1937" s="46">
        <v>58.3</v>
      </c>
      <c r="G1937" s="46">
        <v>21.7</v>
      </c>
      <c r="H1937" s="46">
        <v>12.9</v>
      </c>
      <c r="I1937" s="58">
        <v>12</v>
      </c>
    </row>
    <row r="1938" spans="2:9" ht="21.6" x14ac:dyDescent="0.2">
      <c r="B1938" s="76"/>
      <c r="C1938" s="39" t="s">
        <v>44</v>
      </c>
      <c r="D1938" s="45">
        <v>60</v>
      </c>
      <c r="E1938" s="46">
        <v>31.7</v>
      </c>
      <c r="F1938" s="46">
        <v>45</v>
      </c>
      <c r="G1938" s="46">
        <v>23.3</v>
      </c>
      <c r="H1938" s="46">
        <v>12.2</v>
      </c>
      <c r="I1938" s="58">
        <v>12.5</v>
      </c>
    </row>
    <row r="1939" spans="2:9" ht="21.6" x14ac:dyDescent="0.2">
      <c r="B1939" s="76"/>
      <c r="C1939" s="39" t="s">
        <v>45</v>
      </c>
      <c r="D1939" s="45">
        <v>185</v>
      </c>
      <c r="E1939" s="46">
        <v>17.8</v>
      </c>
      <c r="F1939" s="46">
        <v>48.6</v>
      </c>
      <c r="G1939" s="46">
        <v>33.5</v>
      </c>
      <c r="H1939" s="46">
        <v>15</v>
      </c>
      <c r="I1939" s="58">
        <v>15</v>
      </c>
    </row>
    <row r="1940" spans="2:9" ht="21.6" x14ac:dyDescent="0.2">
      <c r="B1940" s="76"/>
      <c r="C1940" s="39" t="s">
        <v>46</v>
      </c>
      <c r="D1940" s="45">
        <v>87</v>
      </c>
      <c r="E1940" s="46">
        <v>26.4</v>
      </c>
      <c r="F1940" s="46">
        <v>49.4</v>
      </c>
      <c r="G1940" s="46">
        <v>24.1</v>
      </c>
      <c r="H1940" s="46">
        <v>12.7</v>
      </c>
      <c r="I1940" s="58">
        <v>12</v>
      </c>
    </row>
    <row r="1941" spans="2:9" ht="21.6" x14ac:dyDescent="0.2">
      <c r="B1941" s="76"/>
      <c r="C1941" s="39" t="s">
        <v>47</v>
      </c>
      <c r="D1941" s="45">
        <v>155</v>
      </c>
      <c r="E1941" s="46">
        <v>31.6</v>
      </c>
      <c r="F1941" s="46">
        <v>48.4</v>
      </c>
      <c r="G1941" s="46">
        <v>20</v>
      </c>
      <c r="H1941" s="46">
        <v>11.7</v>
      </c>
      <c r="I1941" s="58">
        <v>11</v>
      </c>
    </row>
    <row r="1942" spans="2:9" ht="21.6" x14ac:dyDescent="0.2">
      <c r="B1942" s="76"/>
      <c r="C1942" s="39" t="s">
        <v>48</v>
      </c>
      <c r="D1942" s="45">
        <v>145</v>
      </c>
      <c r="E1942" s="46">
        <v>29.7</v>
      </c>
      <c r="F1942" s="46">
        <v>53.8</v>
      </c>
      <c r="G1942" s="46">
        <v>16.600000000000001</v>
      </c>
      <c r="H1942" s="46">
        <v>11.2</v>
      </c>
      <c r="I1942" s="58">
        <v>11</v>
      </c>
    </row>
    <row r="1943" spans="2:9" ht="21.6" x14ac:dyDescent="0.2">
      <c r="B1943" s="76"/>
      <c r="C1943" s="39" t="s">
        <v>49</v>
      </c>
      <c r="D1943" s="45">
        <v>118</v>
      </c>
      <c r="E1943" s="46">
        <v>24.6</v>
      </c>
      <c r="F1943" s="46">
        <v>49.2</v>
      </c>
      <c r="G1943" s="46">
        <v>26.3</v>
      </c>
      <c r="H1943" s="46">
        <v>13.2</v>
      </c>
      <c r="I1943" s="58">
        <v>13</v>
      </c>
    </row>
    <row r="1944" spans="2:9" ht="21.6" x14ac:dyDescent="0.2">
      <c r="B1944" s="76"/>
      <c r="C1944" s="39" t="s">
        <v>50</v>
      </c>
      <c r="D1944" s="45">
        <v>65</v>
      </c>
      <c r="E1944" s="46">
        <v>20</v>
      </c>
      <c r="F1944" s="46">
        <v>46.2</v>
      </c>
      <c r="G1944" s="46">
        <v>33.799999999999997</v>
      </c>
      <c r="H1944" s="46">
        <v>14.7</v>
      </c>
      <c r="I1944" s="58">
        <v>15</v>
      </c>
    </row>
    <row r="1945" spans="2:9" ht="21.6" x14ac:dyDescent="0.2">
      <c r="B1945" s="76"/>
      <c r="C1945" s="39" t="s">
        <v>51</v>
      </c>
      <c r="D1945" s="45">
        <v>63</v>
      </c>
      <c r="E1945" s="46">
        <v>22.2</v>
      </c>
      <c r="F1945" s="46">
        <v>54</v>
      </c>
      <c r="G1945" s="46">
        <v>23.8</v>
      </c>
      <c r="H1945" s="46">
        <v>13.4</v>
      </c>
      <c r="I1945" s="58">
        <v>15</v>
      </c>
    </row>
    <row r="1946" spans="2:9" ht="21.6" x14ac:dyDescent="0.2">
      <c r="B1946" s="76"/>
      <c r="C1946" s="39" t="s">
        <v>52</v>
      </c>
      <c r="D1946" s="45">
        <v>111</v>
      </c>
      <c r="E1946" s="46">
        <v>19.8</v>
      </c>
      <c r="F1946" s="46">
        <v>54.1</v>
      </c>
      <c r="G1946" s="46">
        <v>26.1</v>
      </c>
      <c r="H1946" s="46">
        <v>13.9</v>
      </c>
      <c r="I1946" s="58">
        <v>13</v>
      </c>
    </row>
    <row r="1947" spans="2:9" x14ac:dyDescent="0.2">
      <c r="B1947" s="76"/>
      <c r="C1947" s="39" t="s">
        <v>53</v>
      </c>
      <c r="D1947" s="45">
        <v>90</v>
      </c>
      <c r="E1947" s="46">
        <v>27.8</v>
      </c>
      <c r="F1947" s="46">
        <v>54.4</v>
      </c>
      <c r="G1947" s="46">
        <v>17.8</v>
      </c>
      <c r="H1947" s="46">
        <v>11.7</v>
      </c>
      <c r="I1947" s="58">
        <v>12</v>
      </c>
    </row>
    <row r="1948" spans="2:9" ht="21.6" x14ac:dyDescent="0.2">
      <c r="B1948" s="76"/>
      <c r="C1948" s="39" t="s">
        <v>54</v>
      </c>
      <c r="D1948" s="45">
        <v>186</v>
      </c>
      <c r="E1948" s="46">
        <v>28.5</v>
      </c>
      <c r="F1948" s="46">
        <v>47.3</v>
      </c>
      <c r="G1948" s="46">
        <v>24.2</v>
      </c>
      <c r="H1948" s="46">
        <v>12.3</v>
      </c>
      <c r="I1948" s="58">
        <v>11.5</v>
      </c>
    </row>
    <row r="1949" spans="2:9" ht="21.6" x14ac:dyDescent="0.2">
      <c r="B1949" s="76"/>
      <c r="C1949" s="39" t="s">
        <v>55</v>
      </c>
      <c r="D1949" s="45">
        <v>234</v>
      </c>
      <c r="E1949" s="46">
        <v>32.1</v>
      </c>
      <c r="F1949" s="46">
        <v>47.4</v>
      </c>
      <c r="G1949" s="46">
        <v>20.5</v>
      </c>
      <c r="H1949" s="46">
        <v>11.7</v>
      </c>
      <c r="I1949" s="58">
        <v>11</v>
      </c>
    </row>
    <row r="1950" spans="2:9" ht="21.6" x14ac:dyDescent="0.2">
      <c r="B1950" s="76"/>
      <c r="C1950" s="39" t="s">
        <v>56</v>
      </c>
      <c r="D1950" s="45">
        <v>305</v>
      </c>
      <c r="E1950" s="46">
        <v>32.799999999999997</v>
      </c>
      <c r="F1950" s="46">
        <v>49.5</v>
      </c>
      <c r="G1950" s="46">
        <v>17.7</v>
      </c>
      <c r="H1950" s="46">
        <v>11.2</v>
      </c>
      <c r="I1950" s="58">
        <v>11</v>
      </c>
    </row>
    <row r="1951" spans="2:9" x14ac:dyDescent="0.2">
      <c r="B1951" s="76"/>
      <c r="C1951" s="40" t="s">
        <v>57</v>
      </c>
      <c r="D1951" s="48">
        <v>300</v>
      </c>
      <c r="E1951" s="49">
        <v>22.3</v>
      </c>
      <c r="F1951" s="49">
        <v>50</v>
      </c>
      <c r="G1951" s="49">
        <v>27.7</v>
      </c>
      <c r="H1951" s="49">
        <v>13.7</v>
      </c>
      <c r="I1951" s="59">
        <v>13.5</v>
      </c>
    </row>
    <row r="1953" spans="1:25" x14ac:dyDescent="0.2">
      <c r="C1953" t="s">
        <v>35</v>
      </c>
    </row>
    <row r="1954" spans="1:25" x14ac:dyDescent="0.2">
      <c r="B1954" s="74" t="s">
        <v>215</v>
      </c>
      <c r="C1954" s="75"/>
      <c r="D1954" s="75"/>
      <c r="E1954" s="75"/>
      <c r="F1954" s="75"/>
      <c r="G1954" s="75"/>
      <c r="H1954" s="75"/>
      <c r="I1954" s="75"/>
      <c r="J1954" s="75"/>
      <c r="K1954" s="75"/>
      <c r="L1954" s="75"/>
      <c r="M1954" s="75"/>
      <c r="N1954" s="75"/>
      <c r="O1954" s="75"/>
      <c r="P1954" s="75"/>
      <c r="Q1954" s="75"/>
      <c r="R1954" s="75"/>
      <c r="S1954" s="75"/>
      <c r="T1954" s="75"/>
      <c r="U1954" s="75"/>
      <c r="V1954" s="75"/>
      <c r="W1954" s="75"/>
      <c r="X1954" s="75"/>
      <c r="Y1954" s="75"/>
    </row>
    <row r="1955" spans="1:25" s="32" customFormat="1" ht="47.25" customHeight="1" x14ac:dyDescent="0.15">
      <c r="A1955" s="31"/>
      <c r="D1955" s="33" t="s">
        <v>242</v>
      </c>
      <c r="E1955" s="35" t="s">
        <v>359</v>
      </c>
      <c r="F1955" s="36" t="s">
        <v>360</v>
      </c>
      <c r="G1955" s="36" t="s">
        <v>361</v>
      </c>
      <c r="H1955" s="55" t="s">
        <v>362</v>
      </c>
      <c r="I1955" s="56" t="s">
        <v>363</v>
      </c>
      <c r="J1955" s="54" t="s">
        <v>251</v>
      </c>
    </row>
    <row r="1956" spans="1:25" ht="21.6" x14ac:dyDescent="0.2">
      <c r="B1956" s="76" t="s">
        <v>37</v>
      </c>
      <c r="C1956" s="38" t="s">
        <v>58</v>
      </c>
      <c r="D1956" s="51">
        <v>226</v>
      </c>
      <c r="E1956" s="52">
        <v>39.799999999999997</v>
      </c>
      <c r="F1956" s="52">
        <v>47.3</v>
      </c>
      <c r="G1956" s="52">
        <v>12.8</v>
      </c>
      <c r="H1956" s="52">
        <v>9.6999999999999993</v>
      </c>
      <c r="I1956" s="60">
        <v>8</v>
      </c>
    </row>
    <row r="1957" spans="1:25" ht="21.6" x14ac:dyDescent="0.2">
      <c r="B1957" s="76"/>
      <c r="C1957" s="39" t="s">
        <v>59</v>
      </c>
      <c r="D1957" s="45">
        <v>476</v>
      </c>
      <c r="E1957" s="46">
        <v>20.399999999999999</v>
      </c>
      <c r="F1957" s="46">
        <v>51.7</v>
      </c>
      <c r="G1957" s="46">
        <v>27.9</v>
      </c>
      <c r="H1957" s="46">
        <v>13.9</v>
      </c>
      <c r="I1957" s="58">
        <v>14</v>
      </c>
    </row>
    <row r="1958" spans="1:25" x14ac:dyDescent="0.2">
      <c r="B1958" s="76"/>
      <c r="C1958" s="39" t="s">
        <v>60</v>
      </c>
      <c r="D1958" s="45">
        <v>444</v>
      </c>
      <c r="E1958" s="46">
        <v>28.8</v>
      </c>
      <c r="F1958" s="46">
        <v>49.1</v>
      </c>
      <c r="G1958" s="46">
        <v>22.1</v>
      </c>
      <c r="H1958" s="46">
        <v>12.3</v>
      </c>
      <c r="I1958" s="58">
        <v>12</v>
      </c>
    </row>
    <row r="1959" spans="1:25" x14ac:dyDescent="0.2">
      <c r="B1959" s="76"/>
      <c r="C1959" s="39" t="s">
        <v>61</v>
      </c>
      <c r="D1959" s="45">
        <v>258</v>
      </c>
      <c r="E1959" s="46">
        <v>22.9</v>
      </c>
      <c r="F1959" s="46">
        <v>52.3</v>
      </c>
      <c r="G1959" s="46">
        <v>24.8</v>
      </c>
      <c r="H1959" s="46">
        <v>13</v>
      </c>
      <c r="I1959" s="58">
        <v>13</v>
      </c>
    </row>
    <row r="1960" spans="1:25" x14ac:dyDescent="0.2">
      <c r="B1960" s="76"/>
      <c r="C1960" s="39" t="s">
        <v>62</v>
      </c>
      <c r="D1960" s="45">
        <v>404</v>
      </c>
      <c r="E1960" s="46">
        <v>31.7</v>
      </c>
      <c r="F1960" s="46">
        <v>48.3</v>
      </c>
      <c r="G1960" s="46">
        <v>20</v>
      </c>
      <c r="H1960" s="46">
        <v>11.4</v>
      </c>
      <c r="I1960" s="58">
        <v>11</v>
      </c>
    </row>
    <row r="1961" spans="1:25" ht="21.6" x14ac:dyDescent="0.2">
      <c r="B1961" s="76"/>
      <c r="C1961" s="39" t="s">
        <v>63</v>
      </c>
      <c r="D1961" s="45">
        <v>17</v>
      </c>
      <c r="E1961" s="46">
        <v>88.2</v>
      </c>
      <c r="F1961" s="46">
        <v>11.8</v>
      </c>
      <c r="G1961" s="46">
        <v>0</v>
      </c>
      <c r="H1961" s="46">
        <v>1.6</v>
      </c>
      <c r="I1961" s="58">
        <v>1</v>
      </c>
    </row>
    <row r="1962" spans="1:25" x14ac:dyDescent="0.2">
      <c r="B1962" s="76"/>
      <c r="C1962" s="39" t="s">
        <v>64</v>
      </c>
      <c r="D1962" s="45">
        <v>106</v>
      </c>
      <c r="E1962" s="46">
        <v>84</v>
      </c>
      <c r="F1962" s="46">
        <v>16</v>
      </c>
      <c r="G1962" s="46">
        <v>0</v>
      </c>
      <c r="H1962" s="46">
        <v>3.1</v>
      </c>
      <c r="I1962" s="58">
        <v>2</v>
      </c>
    </row>
    <row r="1963" spans="1:25" x14ac:dyDescent="0.2">
      <c r="B1963" s="76"/>
      <c r="C1963" s="39" t="s">
        <v>65</v>
      </c>
      <c r="D1963" s="45">
        <v>145</v>
      </c>
      <c r="E1963" s="46">
        <v>16.600000000000001</v>
      </c>
      <c r="F1963" s="46">
        <v>78.599999999999994</v>
      </c>
      <c r="G1963" s="46">
        <v>4.8</v>
      </c>
      <c r="H1963" s="46">
        <v>10.6</v>
      </c>
      <c r="I1963" s="58">
        <v>11</v>
      </c>
    </row>
    <row r="1964" spans="1:25" x14ac:dyDescent="0.2">
      <c r="B1964" s="76"/>
      <c r="C1964" s="39" t="s">
        <v>66</v>
      </c>
      <c r="D1964" s="45">
        <v>112</v>
      </c>
      <c r="E1964" s="46">
        <v>0</v>
      </c>
      <c r="F1964" s="46">
        <v>51.8</v>
      </c>
      <c r="G1964" s="46">
        <v>48.2</v>
      </c>
      <c r="H1964" s="46">
        <v>19.3</v>
      </c>
      <c r="I1964" s="58">
        <v>19</v>
      </c>
    </row>
    <row r="1965" spans="1:25" x14ac:dyDescent="0.2">
      <c r="B1965" s="76"/>
      <c r="C1965" s="39" t="s">
        <v>67</v>
      </c>
      <c r="D1965" s="45">
        <v>24</v>
      </c>
      <c r="E1965" s="46">
        <v>0</v>
      </c>
      <c r="F1965" s="46">
        <v>16.7</v>
      </c>
      <c r="G1965" s="46">
        <v>83.3</v>
      </c>
      <c r="H1965" s="46">
        <v>23.6</v>
      </c>
      <c r="I1965" s="58">
        <v>24</v>
      </c>
    </row>
    <row r="1966" spans="1:25" x14ac:dyDescent="0.2">
      <c r="B1966" s="76"/>
      <c r="C1966" s="39" t="s">
        <v>68</v>
      </c>
      <c r="D1966" s="45">
        <v>386</v>
      </c>
      <c r="E1966" s="46">
        <v>32.6</v>
      </c>
      <c r="F1966" s="46">
        <v>49.2</v>
      </c>
      <c r="G1966" s="46">
        <v>18.100000000000001</v>
      </c>
      <c r="H1966" s="46">
        <v>11.1</v>
      </c>
      <c r="I1966" s="58">
        <v>11</v>
      </c>
    </row>
    <row r="1967" spans="1:25" x14ac:dyDescent="0.2">
      <c r="B1967" s="76"/>
      <c r="C1967" s="39" t="s">
        <v>69</v>
      </c>
      <c r="D1967" s="45">
        <v>18</v>
      </c>
      <c r="E1967" s="46">
        <v>11.1</v>
      </c>
      <c r="F1967" s="46">
        <v>27.8</v>
      </c>
      <c r="G1967" s="46">
        <v>61.1</v>
      </c>
      <c r="H1967" s="46">
        <v>18.7</v>
      </c>
      <c r="I1967" s="58">
        <v>21.5</v>
      </c>
    </row>
    <row r="1968" spans="1:25" x14ac:dyDescent="0.2">
      <c r="B1968" s="76"/>
      <c r="C1968" s="39" t="s">
        <v>70</v>
      </c>
      <c r="D1968" s="45">
        <v>298</v>
      </c>
      <c r="E1968" s="46">
        <v>19.8</v>
      </c>
      <c r="F1968" s="46">
        <v>53</v>
      </c>
      <c r="G1968" s="46">
        <v>27.2</v>
      </c>
      <c r="H1968" s="46">
        <v>14.1</v>
      </c>
      <c r="I1968" s="58">
        <v>14</v>
      </c>
    </row>
    <row r="1969" spans="1:25" ht="21.6" x14ac:dyDescent="0.2">
      <c r="B1969" s="76"/>
      <c r="C1969" s="39" t="s">
        <v>63</v>
      </c>
      <c r="D1969" s="45">
        <v>14</v>
      </c>
      <c r="E1969" s="46">
        <v>100</v>
      </c>
      <c r="F1969" s="46">
        <v>0</v>
      </c>
      <c r="G1969" s="46">
        <v>0</v>
      </c>
      <c r="H1969" s="46">
        <v>1.1000000000000001</v>
      </c>
      <c r="I1969" s="58">
        <v>1</v>
      </c>
    </row>
    <row r="1970" spans="1:25" x14ac:dyDescent="0.2">
      <c r="B1970" s="76"/>
      <c r="C1970" s="39" t="s">
        <v>64</v>
      </c>
      <c r="D1970" s="45">
        <v>59</v>
      </c>
      <c r="E1970" s="46">
        <v>52.5</v>
      </c>
      <c r="F1970" s="46">
        <v>47.5</v>
      </c>
      <c r="G1970" s="46">
        <v>0</v>
      </c>
      <c r="H1970" s="46">
        <v>5</v>
      </c>
      <c r="I1970" s="58">
        <v>5</v>
      </c>
    </row>
    <row r="1971" spans="1:25" x14ac:dyDescent="0.2">
      <c r="B1971" s="76"/>
      <c r="C1971" s="39" t="s">
        <v>65</v>
      </c>
      <c r="D1971" s="45">
        <v>120</v>
      </c>
      <c r="E1971" s="46">
        <v>11.7</v>
      </c>
      <c r="F1971" s="46">
        <v>80</v>
      </c>
      <c r="G1971" s="46">
        <v>8.3000000000000007</v>
      </c>
      <c r="H1971" s="46">
        <v>12.5</v>
      </c>
      <c r="I1971" s="58">
        <v>13</v>
      </c>
    </row>
    <row r="1972" spans="1:25" x14ac:dyDescent="0.2">
      <c r="B1972" s="76"/>
      <c r="C1972" s="39" t="s">
        <v>66</v>
      </c>
      <c r="D1972" s="45">
        <v>88</v>
      </c>
      <c r="E1972" s="46">
        <v>0</v>
      </c>
      <c r="F1972" s="46">
        <v>37.5</v>
      </c>
      <c r="G1972" s="46">
        <v>62.5</v>
      </c>
      <c r="H1972" s="46">
        <v>21.9</v>
      </c>
      <c r="I1972" s="58">
        <v>21</v>
      </c>
    </row>
    <row r="1973" spans="1:25" x14ac:dyDescent="0.2">
      <c r="B1973" s="76"/>
      <c r="C1973" s="39" t="s">
        <v>67</v>
      </c>
      <c r="D1973" s="45">
        <v>17</v>
      </c>
      <c r="E1973" s="46">
        <v>0</v>
      </c>
      <c r="F1973" s="46">
        <v>5.9</v>
      </c>
      <c r="G1973" s="46">
        <v>94.1</v>
      </c>
      <c r="H1973" s="46">
        <v>27</v>
      </c>
      <c r="I1973" s="58">
        <v>28</v>
      </c>
    </row>
    <row r="1974" spans="1:25" x14ac:dyDescent="0.2">
      <c r="B1974" s="76"/>
      <c r="C1974" s="39" t="s">
        <v>68</v>
      </c>
      <c r="D1974" s="45">
        <v>104</v>
      </c>
      <c r="E1974" s="46">
        <v>37.5</v>
      </c>
      <c r="F1974" s="46">
        <v>42.3</v>
      </c>
      <c r="G1974" s="46">
        <v>20.2</v>
      </c>
      <c r="H1974" s="46">
        <v>11.1</v>
      </c>
      <c r="I1974" s="58">
        <v>11</v>
      </c>
    </row>
    <row r="1975" spans="1:25" x14ac:dyDescent="0.2">
      <c r="B1975" s="76"/>
      <c r="C1975" s="40" t="s">
        <v>69</v>
      </c>
      <c r="D1975" s="48">
        <v>194</v>
      </c>
      <c r="E1975" s="49">
        <v>10.3</v>
      </c>
      <c r="F1975" s="49">
        <v>58.8</v>
      </c>
      <c r="G1975" s="49">
        <v>30.9</v>
      </c>
      <c r="H1975" s="49">
        <v>15.7</v>
      </c>
      <c r="I1975" s="59">
        <v>15</v>
      </c>
    </row>
    <row r="1977" spans="1:25" x14ac:dyDescent="0.2">
      <c r="A1977" s="26" t="s">
        <v>25</v>
      </c>
      <c r="B1977" t="s">
        <v>35</v>
      </c>
      <c r="C1977" t="s">
        <v>35</v>
      </c>
    </row>
    <row r="1978" spans="1:25" x14ac:dyDescent="0.2">
      <c r="B1978" s="74" t="s">
        <v>137</v>
      </c>
      <c r="C1978" s="75"/>
      <c r="D1978" s="75"/>
      <c r="E1978" s="75"/>
      <c r="F1978" s="75"/>
      <c r="G1978" s="75"/>
      <c r="H1978" s="75"/>
      <c r="I1978" s="75"/>
      <c r="J1978" s="75"/>
      <c r="K1978" s="75"/>
      <c r="L1978" s="75"/>
      <c r="M1978" s="75"/>
      <c r="N1978" s="75"/>
      <c r="O1978" s="75"/>
      <c r="P1978" s="75"/>
      <c r="Q1978" s="75"/>
      <c r="R1978" s="75"/>
      <c r="S1978" s="75"/>
      <c r="T1978" s="75"/>
      <c r="U1978" s="75"/>
      <c r="V1978" s="75"/>
      <c r="W1978" s="75"/>
      <c r="X1978" s="75"/>
      <c r="Y1978" s="75"/>
    </row>
    <row r="1979" spans="1:25" s="32" customFormat="1" ht="25.65" customHeight="1" x14ac:dyDescent="0.15">
      <c r="A1979" s="31"/>
      <c r="D1979" s="33" t="s">
        <v>242</v>
      </c>
      <c r="E1979" s="35" t="s">
        <v>364</v>
      </c>
      <c r="F1979" s="37" t="s">
        <v>365</v>
      </c>
      <c r="G1979" s="34" t="s">
        <v>251</v>
      </c>
    </row>
    <row r="1980" spans="1:25" x14ac:dyDescent="0.2">
      <c r="B1980" s="5"/>
      <c r="C1980" s="41" t="s">
        <v>38</v>
      </c>
      <c r="D1980" s="42">
        <v>2000</v>
      </c>
      <c r="E1980" s="43">
        <v>7.4</v>
      </c>
      <c r="F1980" s="44">
        <v>92.6</v>
      </c>
    </row>
    <row r="1981" spans="1:25" x14ac:dyDescent="0.2">
      <c r="B1981" s="76" t="s">
        <v>37</v>
      </c>
      <c r="C1981" s="39" t="s">
        <v>39</v>
      </c>
      <c r="D1981" s="45">
        <v>111</v>
      </c>
      <c r="E1981" s="46">
        <v>5.4</v>
      </c>
      <c r="F1981" s="47">
        <v>94.6</v>
      </c>
    </row>
    <row r="1982" spans="1:25" x14ac:dyDescent="0.2">
      <c r="B1982" s="76"/>
      <c r="C1982" s="39" t="s">
        <v>40</v>
      </c>
      <c r="D1982" s="45">
        <v>450</v>
      </c>
      <c r="E1982" s="46">
        <v>8</v>
      </c>
      <c r="F1982" s="47">
        <v>92</v>
      </c>
    </row>
    <row r="1983" spans="1:25" ht="21.6" x14ac:dyDescent="0.2">
      <c r="B1983" s="76"/>
      <c r="C1983" s="39" t="s">
        <v>41</v>
      </c>
      <c r="D1983" s="45">
        <v>30</v>
      </c>
      <c r="E1983" s="46">
        <v>6.7</v>
      </c>
      <c r="F1983" s="47">
        <v>93.3</v>
      </c>
    </row>
    <row r="1984" spans="1:25" ht="21.6" x14ac:dyDescent="0.2">
      <c r="B1984" s="76"/>
      <c r="C1984" s="39" t="s">
        <v>42</v>
      </c>
      <c r="D1984" s="45">
        <v>336</v>
      </c>
      <c r="E1984" s="46">
        <v>5.7</v>
      </c>
      <c r="F1984" s="47">
        <v>94.3</v>
      </c>
    </row>
    <row r="1985" spans="2:6" ht="21.6" x14ac:dyDescent="0.2">
      <c r="B1985" s="76"/>
      <c r="C1985" s="39" t="s">
        <v>43</v>
      </c>
      <c r="D1985" s="45">
        <v>327</v>
      </c>
      <c r="E1985" s="46">
        <v>8.9</v>
      </c>
      <c r="F1985" s="47">
        <v>91.1</v>
      </c>
    </row>
    <row r="1986" spans="2:6" ht="21.6" x14ac:dyDescent="0.2">
      <c r="B1986" s="76"/>
      <c r="C1986" s="39" t="s">
        <v>44</v>
      </c>
      <c r="D1986" s="45">
        <v>181</v>
      </c>
      <c r="E1986" s="46">
        <v>8.3000000000000007</v>
      </c>
      <c r="F1986" s="47">
        <v>91.7</v>
      </c>
    </row>
    <row r="1987" spans="2:6" ht="21.6" x14ac:dyDescent="0.2">
      <c r="B1987" s="76"/>
      <c r="C1987" s="39" t="s">
        <v>45</v>
      </c>
      <c r="D1987" s="45">
        <v>565</v>
      </c>
      <c r="E1987" s="46">
        <v>7.3</v>
      </c>
      <c r="F1987" s="47">
        <v>92.7</v>
      </c>
    </row>
    <row r="1988" spans="2:6" ht="21.6" x14ac:dyDescent="0.2">
      <c r="B1988" s="76"/>
      <c r="C1988" s="39" t="s">
        <v>46</v>
      </c>
      <c r="D1988" s="45">
        <v>473</v>
      </c>
      <c r="E1988" s="46">
        <v>8.1999999999999993</v>
      </c>
      <c r="F1988" s="47">
        <v>91.8</v>
      </c>
    </row>
    <row r="1989" spans="2:6" ht="21.6" x14ac:dyDescent="0.2">
      <c r="B1989" s="76"/>
      <c r="C1989" s="39" t="s">
        <v>47</v>
      </c>
      <c r="D1989" s="45">
        <v>441</v>
      </c>
      <c r="E1989" s="46">
        <v>7.7</v>
      </c>
      <c r="F1989" s="47">
        <v>92.3</v>
      </c>
    </row>
    <row r="1990" spans="2:6" ht="21.6" x14ac:dyDescent="0.2">
      <c r="B1990" s="76"/>
      <c r="C1990" s="39" t="s">
        <v>48</v>
      </c>
      <c r="D1990" s="45">
        <v>305</v>
      </c>
      <c r="E1990" s="46">
        <v>9.5</v>
      </c>
      <c r="F1990" s="47">
        <v>90.5</v>
      </c>
    </row>
    <row r="1991" spans="2:6" ht="21.6" x14ac:dyDescent="0.2">
      <c r="B1991" s="76"/>
      <c r="C1991" s="39" t="s">
        <v>49</v>
      </c>
      <c r="D1991" s="45">
        <v>223</v>
      </c>
      <c r="E1991" s="46">
        <v>6.3</v>
      </c>
      <c r="F1991" s="47">
        <v>93.7</v>
      </c>
    </row>
    <row r="1992" spans="2:6" ht="21.6" x14ac:dyDescent="0.2">
      <c r="B1992" s="76"/>
      <c r="C1992" s="39" t="s">
        <v>50</v>
      </c>
      <c r="D1992" s="45">
        <v>123</v>
      </c>
      <c r="E1992" s="46">
        <v>5.7</v>
      </c>
      <c r="F1992" s="47">
        <v>94.3</v>
      </c>
    </row>
    <row r="1993" spans="2:6" ht="21.6" x14ac:dyDescent="0.2">
      <c r="B1993" s="76"/>
      <c r="C1993" s="39" t="s">
        <v>51</v>
      </c>
      <c r="D1993" s="45">
        <v>124</v>
      </c>
      <c r="E1993" s="46">
        <v>5.6</v>
      </c>
      <c r="F1993" s="47">
        <v>94.4</v>
      </c>
    </row>
    <row r="1994" spans="2:6" ht="21.6" x14ac:dyDescent="0.2">
      <c r="B1994" s="76"/>
      <c r="C1994" s="39" t="s">
        <v>52</v>
      </c>
      <c r="D1994" s="45">
        <v>312</v>
      </c>
      <c r="E1994" s="46">
        <v>6.7</v>
      </c>
      <c r="F1994" s="47">
        <v>93.3</v>
      </c>
    </row>
    <row r="1995" spans="2:6" x14ac:dyDescent="0.2">
      <c r="B1995" s="76"/>
      <c r="C1995" s="39" t="s">
        <v>53</v>
      </c>
      <c r="D1995" s="45">
        <v>269</v>
      </c>
      <c r="E1995" s="46">
        <v>6.7</v>
      </c>
      <c r="F1995" s="47">
        <v>93.3</v>
      </c>
    </row>
    <row r="1996" spans="2:6" ht="21.6" x14ac:dyDescent="0.2">
      <c r="B1996" s="76"/>
      <c r="C1996" s="39" t="s">
        <v>54</v>
      </c>
      <c r="D1996" s="45">
        <v>511</v>
      </c>
      <c r="E1996" s="46">
        <v>9.1999999999999993</v>
      </c>
      <c r="F1996" s="47">
        <v>90.8</v>
      </c>
    </row>
    <row r="1997" spans="2:6" ht="21.6" x14ac:dyDescent="0.2">
      <c r="B1997" s="76"/>
      <c r="C1997" s="39" t="s">
        <v>55</v>
      </c>
      <c r="D1997" s="45">
        <v>615</v>
      </c>
      <c r="E1997" s="46">
        <v>7</v>
      </c>
      <c r="F1997" s="47">
        <v>93</v>
      </c>
    </row>
    <row r="1998" spans="2:6" ht="21.6" x14ac:dyDescent="0.2">
      <c r="B1998" s="76"/>
      <c r="C1998" s="39" t="s">
        <v>56</v>
      </c>
      <c r="D1998" s="45">
        <v>800</v>
      </c>
      <c r="E1998" s="46">
        <v>8</v>
      </c>
      <c r="F1998" s="47">
        <v>92</v>
      </c>
    </row>
    <row r="1999" spans="2:6" x14ac:dyDescent="0.2">
      <c r="B1999" s="76"/>
      <c r="C1999" s="40" t="s">
        <v>57</v>
      </c>
      <c r="D1999" s="48">
        <v>798</v>
      </c>
      <c r="E1999" s="49">
        <v>7.3</v>
      </c>
      <c r="F1999" s="50">
        <v>92.7</v>
      </c>
    </row>
    <row r="2000" spans="2:6" x14ac:dyDescent="0.2">
      <c r="B2000" s="7" t="s">
        <v>71</v>
      </c>
      <c r="C2000" s="4" t="s">
        <v>138</v>
      </c>
    </row>
    <row r="2001" spans="1:25" x14ac:dyDescent="0.2">
      <c r="B2001" s="4"/>
      <c r="C2001" s="4" t="s">
        <v>73</v>
      </c>
    </row>
    <row r="2003" spans="1:25" x14ac:dyDescent="0.2">
      <c r="C2003" t="s">
        <v>35</v>
      </c>
    </row>
    <row r="2004" spans="1:25" x14ac:dyDescent="0.2">
      <c r="B2004" s="74" t="s">
        <v>216</v>
      </c>
      <c r="C2004" s="75"/>
      <c r="D2004" s="75"/>
      <c r="E2004" s="75"/>
      <c r="F2004" s="75"/>
      <c r="G2004" s="75"/>
      <c r="H2004" s="75"/>
      <c r="I2004" s="75"/>
      <c r="J2004" s="75"/>
      <c r="K2004" s="75"/>
      <c r="L2004" s="75"/>
      <c r="M2004" s="75"/>
      <c r="N2004" s="75"/>
      <c r="O2004" s="75"/>
      <c r="P2004" s="75"/>
      <c r="Q2004" s="75"/>
      <c r="R2004" s="75"/>
      <c r="S2004" s="75"/>
      <c r="T2004" s="75"/>
      <c r="U2004" s="75"/>
      <c r="V2004" s="75"/>
      <c r="W2004" s="75"/>
      <c r="X2004" s="75"/>
      <c r="Y2004" s="75"/>
    </row>
    <row r="2005" spans="1:25" s="32" customFormat="1" ht="25.65" customHeight="1" x14ac:dyDescent="0.15">
      <c r="A2005" s="31"/>
      <c r="D2005" s="33" t="s">
        <v>242</v>
      </c>
      <c r="E2005" s="35" t="s">
        <v>364</v>
      </c>
      <c r="F2005" s="37" t="s">
        <v>365</v>
      </c>
      <c r="G2005" s="34" t="s">
        <v>251</v>
      </c>
    </row>
    <row r="2006" spans="1:25" ht="21.6" x14ac:dyDescent="0.2">
      <c r="B2006" s="76" t="s">
        <v>37</v>
      </c>
      <c r="C2006" s="38" t="s">
        <v>58</v>
      </c>
      <c r="D2006" s="51">
        <v>609</v>
      </c>
      <c r="E2006" s="52">
        <v>8.9</v>
      </c>
      <c r="F2006" s="53">
        <v>91.1</v>
      </c>
    </row>
    <row r="2007" spans="1:25" ht="21.6" x14ac:dyDescent="0.2">
      <c r="B2007" s="76"/>
      <c r="C2007" s="39" t="s">
        <v>59</v>
      </c>
      <c r="D2007" s="45">
        <v>1391</v>
      </c>
      <c r="E2007" s="46">
        <v>6.8</v>
      </c>
      <c r="F2007" s="47">
        <v>93.2</v>
      </c>
    </row>
    <row r="2008" spans="1:25" x14ac:dyDescent="0.2">
      <c r="B2008" s="76"/>
      <c r="C2008" s="39" t="s">
        <v>60</v>
      </c>
      <c r="D2008" s="45">
        <v>1325</v>
      </c>
      <c r="E2008" s="46">
        <v>6.5</v>
      </c>
      <c r="F2008" s="47">
        <v>93.5</v>
      </c>
    </row>
    <row r="2009" spans="1:25" x14ac:dyDescent="0.2">
      <c r="B2009" s="76"/>
      <c r="C2009" s="39" t="s">
        <v>61</v>
      </c>
      <c r="D2009" s="45">
        <v>675</v>
      </c>
      <c r="E2009" s="46">
        <v>9.1999999999999993</v>
      </c>
      <c r="F2009" s="47">
        <v>90.8</v>
      </c>
    </row>
    <row r="2010" spans="1:25" x14ac:dyDescent="0.2">
      <c r="B2010" s="76"/>
      <c r="C2010" s="39" t="s">
        <v>62</v>
      </c>
      <c r="D2010" s="45">
        <v>1086</v>
      </c>
      <c r="E2010" s="46">
        <v>7.9</v>
      </c>
      <c r="F2010" s="47">
        <v>92.1</v>
      </c>
    </row>
    <row r="2011" spans="1:25" ht="21.6" x14ac:dyDescent="0.2">
      <c r="B2011" s="76"/>
      <c r="C2011" s="39" t="s">
        <v>63</v>
      </c>
      <c r="D2011" s="45">
        <v>203</v>
      </c>
      <c r="E2011" s="46">
        <v>5.9</v>
      </c>
      <c r="F2011" s="47">
        <v>94.1</v>
      </c>
    </row>
    <row r="2012" spans="1:25" x14ac:dyDescent="0.2">
      <c r="B2012" s="76"/>
      <c r="C2012" s="39" t="s">
        <v>64</v>
      </c>
      <c r="D2012" s="45">
        <v>263</v>
      </c>
      <c r="E2012" s="46">
        <v>3.4</v>
      </c>
      <c r="F2012" s="47">
        <v>96.6</v>
      </c>
    </row>
    <row r="2013" spans="1:25" x14ac:dyDescent="0.2">
      <c r="B2013" s="76"/>
      <c r="C2013" s="39" t="s">
        <v>65</v>
      </c>
      <c r="D2013" s="45">
        <v>312</v>
      </c>
      <c r="E2013" s="46">
        <v>9</v>
      </c>
      <c r="F2013" s="47">
        <v>91</v>
      </c>
    </row>
    <row r="2014" spans="1:25" x14ac:dyDescent="0.2">
      <c r="B2014" s="76"/>
      <c r="C2014" s="39" t="s">
        <v>66</v>
      </c>
      <c r="D2014" s="45">
        <v>230</v>
      </c>
      <c r="E2014" s="46">
        <v>10.9</v>
      </c>
      <c r="F2014" s="47">
        <v>89.1</v>
      </c>
    </row>
    <row r="2015" spans="1:25" x14ac:dyDescent="0.2">
      <c r="B2015" s="76"/>
      <c r="C2015" s="39" t="s">
        <v>67</v>
      </c>
      <c r="D2015" s="45">
        <v>78</v>
      </c>
      <c r="E2015" s="46">
        <v>15.4</v>
      </c>
      <c r="F2015" s="47">
        <v>84.6</v>
      </c>
    </row>
    <row r="2016" spans="1:25" x14ac:dyDescent="0.2">
      <c r="B2016" s="76"/>
      <c r="C2016" s="39" t="s">
        <v>68</v>
      </c>
      <c r="D2016" s="45">
        <v>897</v>
      </c>
      <c r="E2016" s="46">
        <v>7.1</v>
      </c>
      <c r="F2016" s="47">
        <v>92.9</v>
      </c>
    </row>
    <row r="2017" spans="1:25" x14ac:dyDescent="0.2">
      <c r="B2017" s="76"/>
      <c r="C2017" s="39" t="s">
        <v>69</v>
      </c>
      <c r="D2017" s="45">
        <v>189</v>
      </c>
      <c r="E2017" s="46">
        <v>11.6</v>
      </c>
      <c r="F2017" s="47">
        <v>88.4</v>
      </c>
    </row>
    <row r="2018" spans="1:25" x14ac:dyDescent="0.2">
      <c r="B2018" s="76"/>
      <c r="C2018" s="39" t="s">
        <v>70</v>
      </c>
      <c r="D2018" s="45">
        <v>914</v>
      </c>
      <c r="E2018" s="46">
        <v>6.8</v>
      </c>
      <c r="F2018" s="47">
        <v>93.2</v>
      </c>
    </row>
    <row r="2019" spans="1:25" ht="21.6" x14ac:dyDescent="0.2">
      <c r="B2019" s="76"/>
      <c r="C2019" s="39" t="s">
        <v>63</v>
      </c>
      <c r="D2019" s="45">
        <v>193</v>
      </c>
      <c r="E2019" s="46">
        <v>7.8</v>
      </c>
      <c r="F2019" s="47">
        <v>92.2</v>
      </c>
    </row>
    <row r="2020" spans="1:25" x14ac:dyDescent="0.2">
      <c r="B2020" s="76"/>
      <c r="C2020" s="39" t="s">
        <v>64</v>
      </c>
      <c r="D2020" s="45">
        <v>203</v>
      </c>
      <c r="E2020" s="46">
        <v>4.4000000000000004</v>
      </c>
      <c r="F2020" s="47">
        <v>95.6</v>
      </c>
    </row>
    <row r="2021" spans="1:25" x14ac:dyDescent="0.2">
      <c r="B2021" s="76"/>
      <c r="C2021" s="39" t="s">
        <v>65</v>
      </c>
      <c r="D2021" s="45">
        <v>263</v>
      </c>
      <c r="E2021" s="46">
        <v>4.5999999999999996</v>
      </c>
      <c r="F2021" s="47">
        <v>95.4</v>
      </c>
    </row>
    <row r="2022" spans="1:25" x14ac:dyDescent="0.2">
      <c r="B2022" s="76"/>
      <c r="C2022" s="39" t="s">
        <v>66</v>
      </c>
      <c r="D2022" s="45">
        <v>194</v>
      </c>
      <c r="E2022" s="46">
        <v>9.8000000000000007</v>
      </c>
      <c r="F2022" s="47">
        <v>90.2</v>
      </c>
    </row>
    <row r="2023" spans="1:25" x14ac:dyDescent="0.2">
      <c r="B2023" s="76"/>
      <c r="C2023" s="39" t="s">
        <v>67</v>
      </c>
      <c r="D2023" s="45">
        <v>61</v>
      </c>
      <c r="E2023" s="46">
        <v>11.5</v>
      </c>
      <c r="F2023" s="47">
        <v>88.5</v>
      </c>
    </row>
    <row r="2024" spans="1:25" x14ac:dyDescent="0.2">
      <c r="B2024" s="76"/>
      <c r="C2024" s="39" t="s">
        <v>68</v>
      </c>
      <c r="D2024" s="45">
        <v>416</v>
      </c>
      <c r="E2024" s="46">
        <v>4.0999999999999996</v>
      </c>
      <c r="F2024" s="47">
        <v>95.9</v>
      </c>
    </row>
    <row r="2025" spans="1:25" x14ac:dyDescent="0.2">
      <c r="B2025" s="76"/>
      <c r="C2025" s="40" t="s">
        <v>69</v>
      </c>
      <c r="D2025" s="48">
        <v>498</v>
      </c>
      <c r="E2025" s="49">
        <v>9</v>
      </c>
      <c r="F2025" s="50">
        <v>91</v>
      </c>
    </row>
    <row r="2026" spans="1:25" x14ac:dyDescent="0.2">
      <c r="B2026" s="7" t="s">
        <v>71</v>
      </c>
      <c r="C2026" s="4" t="s">
        <v>138</v>
      </c>
    </row>
    <row r="2027" spans="1:25" x14ac:dyDescent="0.2">
      <c r="B2027" s="4"/>
      <c r="C2027" s="4" t="s">
        <v>73</v>
      </c>
    </row>
    <row r="2029" spans="1:25" x14ac:dyDescent="0.2">
      <c r="A2029" s="26" t="s">
        <v>25</v>
      </c>
      <c r="B2029" t="s">
        <v>35</v>
      </c>
      <c r="C2029" t="s">
        <v>35</v>
      </c>
    </row>
    <row r="2030" spans="1:25" x14ac:dyDescent="0.2">
      <c r="B2030" s="74" t="s">
        <v>139</v>
      </c>
      <c r="C2030" s="75"/>
      <c r="D2030" s="75"/>
      <c r="E2030" s="75"/>
      <c r="F2030" s="75"/>
      <c r="G2030" s="75"/>
      <c r="H2030" s="75"/>
      <c r="I2030" s="75"/>
      <c r="J2030" s="75"/>
      <c r="K2030" s="75"/>
      <c r="L2030" s="75"/>
      <c r="M2030" s="75"/>
      <c r="N2030" s="75"/>
      <c r="O2030" s="75"/>
      <c r="P2030" s="75"/>
      <c r="Q2030" s="75"/>
      <c r="R2030" s="75"/>
      <c r="S2030" s="75"/>
      <c r="T2030" s="75"/>
      <c r="U2030" s="75"/>
      <c r="V2030" s="75"/>
      <c r="W2030" s="75"/>
      <c r="X2030" s="75"/>
      <c r="Y2030" s="75"/>
    </row>
    <row r="2031" spans="1:25" s="32" customFormat="1" ht="58.05" customHeight="1" x14ac:dyDescent="0.15">
      <c r="A2031" s="31"/>
      <c r="D2031" s="33" t="s">
        <v>242</v>
      </c>
      <c r="E2031" s="35" t="s">
        <v>366</v>
      </c>
      <c r="F2031" s="36" t="s">
        <v>367</v>
      </c>
      <c r="G2031" s="36" t="s">
        <v>368</v>
      </c>
      <c r="H2031" s="36" t="s">
        <v>369</v>
      </c>
      <c r="I2031" s="37" t="s">
        <v>264</v>
      </c>
      <c r="J2031" s="34" t="s">
        <v>251</v>
      </c>
    </row>
    <row r="2032" spans="1:25" x14ac:dyDescent="0.2">
      <c r="B2032" s="5"/>
      <c r="C2032" s="41" t="s">
        <v>38</v>
      </c>
      <c r="D2032" s="42">
        <v>2000</v>
      </c>
      <c r="E2032" s="43">
        <v>62.4</v>
      </c>
      <c r="F2032" s="43">
        <v>19.899999999999999</v>
      </c>
      <c r="G2032" s="43">
        <v>16.3</v>
      </c>
      <c r="H2032" s="43">
        <v>0.3</v>
      </c>
      <c r="I2032" s="44">
        <v>1.2</v>
      </c>
    </row>
    <row r="2033" spans="2:9" x14ac:dyDescent="0.2">
      <c r="B2033" s="76" t="s">
        <v>37</v>
      </c>
      <c r="C2033" s="39" t="s">
        <v>39</v>
      </c>
      <c r="D2033" s="45">
        <v>111</v>
      </c>
      <c r="E2033" s="46">
        <v>74.8</v>
      </c>
      <c r="F2033" s="46">
        <v>12.6</v>
      </c>
      <c r="G2033" s="46">
        <v>10.8</v>
      </c>
      <c r="H2033" s="46">
        <v>0</v>
      </c>
      <c r="I2033" s="47">
        <v>1.8</v>
      </c>
    </row>
    <row r="2034" spans="2:9" x14ac:dyDescent="0.2">
      <c r="B2034" s="76"/>
      <c r="C2034" s="39" t="s">
        <v>40</v>
      </c>
      <c r="D2034" s="45">
        <v>450</v>
      </c>
      <c r="E2034" s="46">
        <v>74.7</v>
      </c>
      <c r="F2034" s="46">
        <v>12.4</v>
      </c>
      <c r="G2034" s="46">
        <v>11.6</v>
      </c>
      <c r="H2034" s="46">
        <v>0</v>
      </c>
      <c r="I2034" s="47">
        <v>1.3</v>
      </c>
    </row>
    <row r="2035" spans="2:9" ht="21.6" x14ac:dyDescent="0.2">
      <c r="B2035" s="76"/>
      <c r="C2035" s="39" t="s">
        <v>41</v>
      </c>
      <c r="D2035" s="45">
        <v>30</v>
      </c>
      <c r="E2035" s="46">
        <v>63.3</v>
      </c>
      <c r="F2035" s="46">
        <v>16.7</v>
      </c>
      <c r="G2035" s="46">
        <v>20</v>
      </c>
      <c r="H2035" s="46">
        <v>0</v>
      </c>
      <c r="I2035" s="47">
        <v>0</v>
      </c>
    </row>
    <row r="2036" spans="2:9" ht="21.6" x14ac:dyDescent="0.2">
      <c r="B2036" s="76"/>
      <c r="C2036" s="39" t="s">
        <v>42</v>
      </c>
      <c r="D2036" s="45">
        <v>336</v>
      </c>
      <c r="E2036" s="46">
        <v>73.2</v>
      </c>
      <c r="F2036" s="46">
        <v>9.8000000000000007</v>
      </c>
      <c r="G2036" s="46">
        <v>14.9</v>
      </c>
      <c r="H2036" s="46">
        <v>0</v>
      </c>
      <c r="I2036" s="47">
        <v>2.1</v>
      </c>
    </row>
    <row r="2037" spans="2:9" ht="21.6" x14ac:dyDescent="0.2">
      <c r="B2037" s="76"/>
      <c r="C2037" s="39" t="s">
        <v>43</v>
      </c>
      <c r="D2037" s="45">
        <v>327</v>
      </c>
      <c r="E2037" s="46">
        <v>44.6</v>
      </c>
      <c r="F2037" s="46">
        <v>31.5</v>
      </c>
      <c r="G2037" s="46">
        <v>22</v>
      </c>
      <c r="H2037" s="46">
        <v>0.6</v>
      </c>
      <c r="I2037" s="47">
        <v>1.2</v>
      </c>
    </row>
    <row r="2038" spans="2:9" ht="21.6" x14ac:dyDescent="0.2">
      <c r="B2038" s="76"/>
      <c r="C2038" s="39" t="s">
        <v>44</v>
      </c>
      <c r="D2038" s="45">
        <v>181</v>
      </c>
      <c r="E2038" s="46">
        <v>60.8</v>
      </c>
      <c r="F2038" s="46">
        <v>20.399999999999999</v>
      </c>
      <c r="G2038" s="46">
        <v>18.8</v>
      </c>
      <c r="H2038" s="46">
        <v>0</v>
      </c>
      <c r="I2038" s="47">
        <v>0</v>
      </c>
    </row>
    <row r="2039" spans="2:9" ht="21.6" x14ac:dyDescent="0.2">
      <c r="B2039" s="76"/>
      <c r="C2039" s="39" t="s">
        <v>45</v>
      </c>
      <c r="D2039" s="45">
        <v>565</v>
      </c>
      <c r="E2039" s="46">
        <v>54.5</v>
      </c>
      <c r="F2039" s="46">
        <v>26.4</v>
      </c>
      <c r="G2039" s="46">
        <v>17.5</v>
      </c>
      <c r="H2039" s="46">
        <v>0.7</v>
      </c>
      <c r="I2039" s="47">
        <v>0.9</v>
      </c>
    </row>
    <row r="2040" spans="2:9" ht="21.6" x14ac:dyDescent="0.2">
      <c r="B2040" s="76"/>
      <c r="C2040" s="39" t="s">
        <v>46</v>
      </c>
      <c r="D2040" s="45">
        <v>473</v>
      </c>
      <c r="E2040" s="46">
        <v>72.900000000000006</v>
      </c>
      <c r="F2040" s="46">
        <v>12.1</v>
      </c>
      <c r="G2040" s="46">
        <v>14</v>
      </c>
      <c r="H2040" s="46">
        <v>0.2</v>
      </c>
      <c r="I2040" s="47">
        <v>0.8</v>
      </c>
    </row>
    <row r="2041" spans="2:9" ht="21.6" x14ac:dyDescent="0.2">
      <c r="B2041" s="76"/>
      <c r="C2041" s="39" t="s">
        <v>47</v>
      </c>
      <c r="D2041" s="45">
        <v>441</v>
      </c>
      <c r="E2041" s="46">
        <v>67.599999999999994</v>
      </c>
      <c r="F2041" s="46">
        <v>19.7</v>
      </c>
      <c r="G2041" s="46">
        <v>11.8</v>
      </c>
      <c r="H2041" s="46">
        <v>0</v>
      </c>
      <c r="I2041" s="47">
        <v>0.9</v>
      </c>
    </row>
    <row r="2042" spans="2:9" ht="21.6" x14ac:dyDescent="0.2">
      <c r="B2042" s="76"/>
      <c r="C2042" s="39" t="s">
        <v>48</v>
      </c>
      <c r="D2042" s="45">
        <v>305</v>
      </c>
      <c r="E2042" s="46">
        <v>66.900000000000006</v>
      </c>
      <c r="F2042" s="46">
        <v>20.3</v>
      </c>
      <c r="G2042" s="46">
        <v>11.5</v>
      </c>
      <c r="H2042" s="46">
        <v>0.7</v>
      </c>
      <c r="I2042" s="47">
        <v>0.7</v>
      </c>
    </row>
    <row r="2043" spans="2:9" ht="21.6" x14ac:dyDescent="0.2">
      <c r="B2043" s="76"/>
      <c r="C2043" s="39" t="s">
        <v>49</v>
      </c>
      <c r="D2043" s="45">
        <v>223</v>
      </c>
      <c r="E2043" s="46">
        <v>61.9</v>
      </c>
      <c r="F2043" s="46">
        <v>26.9</v>
      </c>
      <c r="G2043" s="46">
        <v>9</v>
      </c>
      <c r="H2043" s="46">
        <v>0.4</v>
      </c>
      <c r="I2043" s="47">
        <v>1.8</v>
      </c>
    </row>
    <row r="2044" spans="2:9" ht="21.6" x14ac:dyDescent="0.2">
      <c r="B2044" s="76"/>
      <c r="C2044" s="39" t="s">
        <v>50</v>
      </c>
      <c r="D2044" s="45">
        <v>123</v>
      </c>
      <c r="E2044" s="46">
        <v>65</v>
      </c>
      <c r="F2044" s="46">
        <v>25.2</v>
      </c>
      <c r="G2044" s="46">
        <v>8.9</v>
      </c>
      <c r="H2044" s="46">
        <v>0</v>
      </c>
      <c r="I2044" s="47">
        <v>0.8</v>
      </c>
    </row>
    <row r="2045" spans="2:9" ht="21.6" x14ac:dyDescent="0.2">
      <c r="B2045" s="76"/>
      <c r="C2045" s="39" t="s">
        <v>51</v>
      </c>
      <c r="D2045" s="45">
        <v>124</v>
      </c>
      <c r="E2045" s="46">
        <v>52.4</v>
      </c>
      <c r="F2045" s="46">
        <v>30.6</v>
      </c>
      <c r="G2045" s="46">
        <v>16.100000000000001</v>
      </c>
      <c r="H2045" s="46">
        <v>0</v>
      </c>
      <c r="I2045" s="47">
        <v>0.8</v>
      </c>
    </row>
    <row r="2046" spans="2:9" ht="21.6" x14ac:dyDescent="0.2">
      <c r="B2046" s="76"/>
      <c r="C2046" s="39" t="s">
        <v>52</v>
      </c>
      <c r="D2046" s="45">
        <v>312</v>
      </c>
      <c r="E2046" s="46">
        <v>57.7</v>
      </c>
      <c r="F2046" s="46">
        <v>27.2</v>
      </c>
      <c r="G2046" s="46">
        <v>13.5</v>
      </c>
      <c r="H2046" s="46">
        <v>0.6</v>
      </c>
      <c r="I2046" s="47">
        <v>1</v>
      </c>
    </row>
    <row r="2047" spans="2:9" x14ac:dyDescent="0.2">
      <c r="B2047" s="76"/>
      <c r="C2047" s="39" t="s">
        <v>53</v>
      </c>
      <c r="D2047" s="45">
        <v>269</v>
      </c>
      <c r="E2047" s="46">
        <v>56.9</v>
      </c>
      <c r="F2047" s="46">
        <v>23</v>
      </c>
      <c r="G2047" s="46">
        <v>18.600000000000001</v>
      </c>
      <c r="H2047" s="46">
        <v>0</v>
      </c>
      <c r="I2047" s="47">
        <v>1.5</v>
      </c>
    </row>
    <row r="2048" spans="2:9" ht="21.6" x14ac:dyDescent="0.2">
      <c r="B2048" s="76"/>
      <c r="C2048" s="39" t="s">
        <v>54</v>
      </c>
      <c r="D2048" s="45">
        <v>511</v>
      </c>
      <c r="E2048" s="46">
        <v>69.099999999999994</v>
      </c>
      <c r="F2048" s="46">
        <v>13.9</v>
      </c>
      <c r="G2048" s="46">
        <v>15.3</v>
      </c>
      <c r="H2048" s="46">
        <v>0</v>
      </c>
      <c r="I2048" s="47">
        <v>1.8</v>
      </c>
    </row>
    <row r="2049" spans="1:25" ht="21.6" x14ac:dyDescent="0.2">
      <c r="B2049" s="76"/>
      <c r="C2049" s="39" t="s">
        <v>55</v>
      </c>
      <c r="D2049" s="45">
        <v>615</v>
      </c>
      <c r="E2049" s="46">
        <v>71.099999999999994</v>
      </c>
      <c r="F2049" s="46">
        <v>15.3</v>
      </c>
      <c r="G2049" s="46">
        <v>13.2</v>
      </c>
      <c r="H2049" s="46">
        <v>0.2</v>
      </c>
      <c r="I2049" s="47">
        <v>0.3</v>
      </c>
    </row>
    <row r="2050" spans="1:25" ht="21.6" x14ac:dyDescent="0.2">
      <c r="B2050" s="76"/>
      <c r="C2050" s="39" t="s">
        <v>56</v>
      </c>
      <c r="D2050" s="45">
        <v>800</v>
      </c>
      <c r="E2050" s="46">
        <v>70.400000000000006</v>
      </c>
      <c r="F2050" s="46">
        <v>15.1</v>
      </c>
      <c r="G2050" s="46">
        <v>13.5</v>
      </c>
      <c r="H2050" s="46">
        <v>0</v>
      </c>
      <c r="I2050" s="47">
        <v>1</v>
      </c>
    </row>
    <row r="2051" spans="1:25" x14ac:dyDescent="0.2">
      <c r="B2051" s="76"/>
      <c r="C2051" s="40" t="s">
        <v>57</v>
      </c>
      <c r="D2051" s="48">
        <v>798</v>
      </c>
      <c r="E2051" s="49">
        <v>64.7</v>
      </c>
      <c r="F2051" s="49">
        <v>20.8</v>
      </c>
      <c r="G2051" s="49">
        <v>13.2</v>
      </c>
      <c r="H2051" s="49">
        <v>0.3</v>
      </c>
      <c r="I2051" s="50">
        <v>1.1000000000000001</v>
      </c>
    </row>
    <row r="2052" spans="1:25" x14ac:dyDescent="0.2">
      <c r="B2052" s="7" t="s">
        <v>71</v>
      </c>
      <c r="C2052" s="4" t="s">
        <v>140</v>
      </c>
    </row>
    <row r="2053" spans="1:25" x14ac:dyDescent="0.2">
      <c r="B2053" s="4"/>
      <c r="C2053" s="4" t="s">
        <v>73</v>
      </c>
    </row>
    <row r="2055" spans="1:25" x14ac:dyDescent="0.2">
      <c r="C2055" t="s">
        <v>35</v>
      </c>
    </row>
    <row r="2056" spans="1:25" x14ac:dyDescent="0.2">
      <c r="B2056" s="74" t="s">
        <v>217</v>
      </c>
      <c r="C2056" s="75"/>
      <c r="D2056" s="75"/>
      <c r="E2056" s="75"/>
      <c r="F2056" s="75"/>
      <c r="G2056" s="75"/>
      <c r="H2056" s="75"/>
      <c r="I2056" s="75"/>
      <c r="J2056" s="75"/>
      <c r="K2056" s="75"/>
      <c r="L2056" s="75"/>
      <c r="M2056" s="75"/>
      <c r="N2056" s="75"/>
      <c r="O2056" s="75"/>
      <c r="P2056" s="75"/>
      <c r="Q2056" s="75"/>
      <c r="R2056" s="75"/>
      <c r="S2056" s="75"/>
      <c r="T2056" s="75"/>
      <c r="U2056" s="75"/>
      <c r="V2056" s="75"/>
      <c r="W2056" s="75"/>
      <c r="X2056" s="75"/>
      <c r="Y2056" s="75"/>
    </row>
    <row r="2057" spans="1:25" s="32" customFormat="1" ht="58.05" customHeight="1" x14ac:dyDescent="0.15">
      <c r="A2057" s="31"/>
      <c r="D2057" s="33" t="s">
        <v>242</v>
      </c>
      <c r="E2057" s="35" t="s">
        <v>366</v>
      </c>
      <c r="F2057" s="36" t="s">
        <v>367</v>
      </c>
      <c r="G2057" s="36" t="s">
        <v>368</v>
      </c>
      <c r="H2057" s="36" t="s">
        <v>369</v>
      </c>
      <c r="I2057" s="37" t="s">
        <v>264</v>
      </c>
      <c r="J2057" s="34" t="s">
        <v>251</v>
      </c>
    </row>
    <row r="2058" spans="1:25" ht="21.6" x14ac:dyDescent="0.2">
      <c r="B2058" s="76" t="s">
        <v>37</v>
      </c>
      <c r="C2058" s="38" t="s">
        <v>58</v>
      </c>
      <c r="D2058" s="51">
        <v>609</v>
      </c>
      <c r="E2058" s="52">
        <v>69.5</v>
      </c>
      <c r="F2058" s="52">
        <v>14.8</v>
      </c>
      <c r="G2058" s="52">
        <v>14.4</v>
      </c>
      <c r="H2058" s="52">
        <v>0</v>
      </c>
      <c r="I2058" s="53">
        <v>1.3</v>
      </c>
    </row>
    <row r="2059" spans="1:25" ht="21.6" x14ac:dyDescent="0.2">
      <c r="B2059" s="76"/>
      <c r="C2059" s="39" t="s">
        <v>59</v>
      </c>
      <c r="D2059" s="45">
        <v>1391</v>
      </c>
      <c r="E2059" s="46">
        <v>59.3</v>
      </c>
      <c r="F2059" s="46">
        <v>22.1</v>
      </c>
      <c r="G2059" s="46">
        <v>17</v>
      </c>
      <c r="H2059" s="46">
        <v>0.4</v>
      </c>
      <c r="I2059" s="47">
        <v>1.2</v>
      </c>
    </row>
    <row r="2060" spans="1:25" x14ac:dyDescent="0.2">
      <c r="B2060" s="76"/>
      <c r="C2060" s="39" t="s">
        <v>60</v>
      </c>
      <c r="D2060" s="45">
        <v>1325</v>
      </c>
      <c r="E2060" s="46">
        <v>63.7</v>
      </c>
      <c r="F2060" s="46">
        <v>19.3</v>
      </c>
      <c r="G2060" s="46">
        <v>15.8</v>
      </c>
      <c r="H2060" s="46">
        <v>0.2</v>
      </c>
      <c r="I2060" s="47">
        <v>1</v>
      </c>
    </row>
    <row r="2061" spans="1:25" x14ac:dyDescent="0.2">
      <c r="B2061" s="76"/>
      <c r="C2061" s="39" t="s">
        <v>61</v>
      </c>
      <c r="D2061" s="45">
        <v>675</v>
      </c>
      <c r="E2061" s="46">
        <v>59.9</v>
      </c>
      <c r="F2061" s="46">
        <v>20.9</v>
      </c>
      <c r="G2061" s="46">
        <v>17.2</v>
      </c>
      <c r="H2061" s="46">
        <v>0.4</v>
      </c>
      <c r="I2061" s="47">
        <v>1.6</v>
      </c>
    </row>
    <row r="2062" spans="1:25" x14ac:dyDescent="0.2">
      <c r="B2062" s="76"/>
      <c r="C2062" s="39" t="s">
        <v>62</v>
      </c>
      <c r="D2062" s="45">
        <v>1086</v>
      </c>
      <c r="E2062" s="46">
        <v>81.400000000000006</v>
      </c>
      <c r="F2062" s="46">
        <v>2.5</v>
      </c>
      <c r="G2062" s="46">
        <v>15.7</v>
      </c>
      <c r="H2062" s="46">
        <v>0.1</v>
      </c>
      <c r="I2062" s="47">
        <v>0.4</v>
      </c>
    </row>
    <row r="2063" spans="1:25" ht="21.6" x14ac:dyDescent="0.2">
      <c r="B2063" s="76"/>
      <c r="C2063" s="39" t="s">
        <v>63</v>
      </c>
      <c r="D2063" s="45">
        <v>203</v>
      </c>
      <c r="E2063" s="46">
        <v>52.7</v>
      </c>
      <c r="F2063" s="46">
        <v>1.5</v>
      </c>
      <c r="G2063" s="46">
        <v>44.3</v>
      </c>
      <c r="H2063" s="46">
        <v>0</v>
      </c>
      <c r="I2063" s="47">
        <v>1.5</v>
      </c>
    </row>
    <row r="2064" spans="1:25" x14ac:dyDescent="0.2">
      <c r="B2064" s="76"/>
      <c r="C2064" s="39" t="s">
        <v>64</v>
      </c>
      <c r="D2064" s="45">
        <v>263</v>
      </c>
      <c r="E2064" s="46">
        <v>83.3</v>
      </c>
      <c r="F2064" s="46">
        <v>1.9</v>
      </c>
      <c r="G2064" s="46">
        <v>14.4</v>
      </c>
      <c r="H2064" s="46">
        <v>0.4</v>
      </c>
      <c r="I2064" s="47">
        <v>0</v>
      </c>
    </row>
    <row r="2065" spans="2:9" x14ac:dyDescent="0.2">
      <c r="B2065" s="76"/>
      <c r="C2065" s="39" t="s">
        <v>65</v>
      </c>
      <c r="D2065" s="45">
        <v>312</v>
      </c>
      <c r="E2065" s="46">
        <v>88.8</v>
      </c>
      <c r="F2065" s="46">
        <v>2.2000000000000002</v>
      </c>
      <c r="G2065" s="46">
        <v>9</v>
      </c>
      <c r="H2065" s="46">
        <v>0</v>
      </c>
      <c r="I2065" s="47">
        <v>0</v>
      </c>
    </row>
    <row r="2066" spans="2:9" x14ac:dyDescent="0.2">
      <c r="B2066" s="76"/>
      <c r="C2066" s="39" t="s">
        <v>66</v>
      </c>
      <c r="D2066" s="45">
        <v>230</v>
      </c>
      <c r="E2066" s="46">
        <v>92.2</v>
      </c>
      <c r="F2066" s="46">
        <v>3.5</v>
      </c>
      <c r="G2066" s="46">
        <v>4.3</v>
      </c>
      <c r="H2066" s="46">
        <v>0</v>
      </c>
      <c r="I2066" s="47">
        <v>0</v>
      </c>
    </row>
    <row r="2067" spans="2:9" x14ac:dyDescent="0.2">
      <c r="B2067" s="76"/>
      <c r="C2067" s="39" t="s">
        <v>67</v>
      </c>
      <c r="D2067" s="45">
        <v>78</v>
      </c>
      <c r="E2067" s="46">
        <v>88.5</v>
      </c>
      <c r="F2067" s="46">
        <v>5.0999999999999996</v>
      </c>
      <c r="G2067" s="46">
        <v>5.0999999999999996</v>
      </c>
      <c r="H2067" s="46">
        <v>0</v>
      </c>
      <c r="I2067" s="47">
        <v>1.3</v>
      </c>
    </row>
    <row r="2068" spans="2:9" x14ac:dyDescent="0.2">
      <c r="B2068" s="76"/>
      <c r="C2068" s="39" t="s">
        <v>68</v>
      </c>
      <c r="D2068" s="45">
        <v>897</v>
      </c>
      <c r="E2068" s="46">
        <v>86.2</v>
      </c>
      <c r="F2068" s="46">
        <v>2.2000000000000002</v>
      </c>
      <c r="G2068" s="46">
        <v>11</v>
      </c>
      <c r="H2068" s="46">
        <v>0.1</v>
      </c>
      <c r="I2068" s="47">
        <v>0.4</v>
      </c>
    </row>
    <row r="2069" spans="2:9" x14ac:dyDescent="0.2">
      <c r="B2069" s="76"/>
      <c r="C2069" s="39" t="s">
        <v>69</v>
      </c>
      <c r="D2069" s="45">
        <v>189</v>
      </c>
      <c r="E2069" s="46">
        <v>58.7</v>
      </c>
      <c r="F2069" s="46">
        <v>3.7</v>
      </c>
      <c r="G2069" s="46">
        <v>37.6</v>
      </c>
      <c r="H2069" s="46">
        <v>0</v>
      </c>
      <c r="I2069" s="47">
        <v>0</v>
      </c>
    </row>
    <row r="2070" spans="2:9" x14ac:dyDescent="0.2">
      <c r="B2070" s="76"/>
      <c r="C2070" s="39" t="s">
        <v>70</v>
      </c>
      <c r="D2070" s="45">
        <v>914</v>
      </c>
      <c r="E2070" s="46">
        <v>39.799999999999997</v>
      </c>
      <c r="F2070" s="46">
        <v>40.5</v>
      </c>
      <c r="G2070" s="46">
        <v>17</v>
      </c>
      <c r="H2070" s="46">
        <v>0.5</v>
      </c>
      <c r="I2070" s="47">
        <v>2.2000000000000002</v>
      </c>
    </row>
    <row r="2071" spans="2:9" ht="21.6" x14ac:dyDescent="0.2">
      <c r="B2071" s="76"/>
      <c r="C2071" s="39" t="s">
        <v>63</v>
      </c>
      <c r="D2071" s="45">
        <v>193</v>
      </c>
      <c r="E2071" s="46">
        <v>44</v>
      </c>
      <c r="F2071" s="46">
        <v>14.5</v>
      </c>
      <c r="G2071" s="46">
        <v>38.299999999999997</v>
      </c>
      <c r="H2071" s="46">
        <v>0</v>
      </c>
      <c r="I2071" s="47">
        <v>3.1</v>
      </c>
    </row>
    <row r="2072" spans="2:9" x14ac:dyDescent="0.2">
      <c r="B2072" s="76"/>
      <c r="C2072" s="39" t="s">
        <v>64</v>
      </c>
      <c r="D2072" s="45">
        <v>203</v>
      </c>
      <c r="E2072" s="46">
        <v>38.4</v>
      </c>
      <c r="F2072" s="46">
        <v>41.9</v>
      </c>
      <c r="G2072" s="46">
        <v>18.2</v>
      </c>
      <c r="H2072" s="46">
        <v>0</v>
      </c>
      <c r="I2072" s="47">
        <v>1.5</v>
      </c>
    </row>
    <row r="2073" spans="2:9" x14ac:dyDescent="0.2">
      <c r="B2073" s="76"/>
      <c r="C2073" s="39" t="s">
        <v>65</v>
      </c>
      <c r="D2073" s="45">
        <v>263</v>
      </c>
      <c r="E2073" s="46">
        <v>38.799999999999997</v>
      </c>
      <c r="F2073" s="46">
        <v>46.4</v>
      </c>
      <c r="G2073" s="46">
        <v>12.2</v>
      </c>
      <c r="H2073" s="46">
        <v>0.8</v>
      </c>
      <c r="I2073" s="47">
        <v>1.9</v>
      </c>
    </row>
    <row r="2074" spans="2:9" x14ac:dyDescent="0.2">
      <c r="B2074" s="76"/>
      <c r="C2074" s="39" t="s">
        <v>66</v>
      </c>
      <c r="D2074" s="45">
        <v>194</v>
      </c>
      <c r="E2074" s="46">
        <v>35.6</v>
      </c>
      <c r="F2074" s="46">
        <v>54.1</v>
      </c>
      <c r="G2074" s="46">
        <v>6.2</v>
      </c>
      <c r="H2074" s="46">
        <v>1.5</v>
      </c>
      <c r="I2074" s="47">
        <v>2.6</v>
      </c>
    </row>
    <row r="2075" spans="2:9" x14ac:dyDescent="0.2">
      <c r="B2075" s="76"/>
      <c r="C2075" s="39" t="s">
        <v>67</v>
      </c>
      <c r="D2075" s="45">
        <v>61</v>
      </c>
      <c r="E2075" s="46">
        <v>49.2</v>
      </c>
      <c r="F2075" s="46">
        <v>49.2</v>
      </c>
      <c r="G2075" s="46">
        <v>0</v>
      </c>
      <c r="H2075" s="46">
        <v>0</v>
      </c>
      <c r="I2075" s="47">
        <v>1.6</v>
      </c>
    </row>
    <row r="2076" spans="2:9" x14ac:dyDescent="0.2">
      <c r="B2076" s="76"/>
      <c r="C2076" s="39" t="s">
        <v>68</v>
      </c>
      <c r="D2076" s="45">
        <v>416</v>
      </c>
      <c r="E2076" s="46">
        <v>57</v>
      </c>
      <c r="F2076" s="46">
        <v>25</v>
      </c>
      <c r="G2076" s="46">
        <v>16.8</v>
      </c>
      <c r="H2076" s="46">
        <v>0</v>
      </c>
      <c r="I2076" s="47">
        <v>1.2</v>
      </c>
    </row>
    <row r="2077" spans="2:9" x14ac:dyDescent="0.2">
      <c r="B2077" s="76"/>
      <c r="C2077" s="40" t="s">
        <v>69</v>
      </c>
      <c r="D2077" s="48">
        <v>498</v>
      </c>
      <c r="E2077" s="49">
        <v>25.5</v>
      </c>
      <c r="F2077" s="49">
        <v>53.4</v>
      </c>
      <c r="G2077" s="49">
        <v>17.100000000000001</v>
      </c>
      <c r="H2077" s="49">
        <v>1</v>
      </c>
      <c r="I2077" s="50">
        <v>3</v>
      </c>
    </row>
    <row r="2078" spans="2:9" x14ac:dyDescent="0.2">
      <c r="B2078" s="7" t="s">
        <v>71</v>
      </c>
      <c r="C2078" s="4" t="s">
        <v>140</v>
      </c>
    </row>
    <row r="2079" spans="2:9" x14ac:dyDescent="0.2">
      <c r="B2079" s="4"/>
      <c r="C2079" s="4" t="s">
        <v>73</v>
      </c>
    </row>
    <row r="2081" spans="1:25" x14ac:dyDescent="0.2">
      <c r="A2081" s="26" t="s">
        <v>25</v>
      </c>
      <c r="B2081" t="s">
        <v>35</v>
      </c>
      <c r="C2081" t="s">
        <v>35</v>
      </c>
    </row>
    <row r="2082" spans="1:25" x14ac:dyDescent="0.2">
      <c r="B2082" s="74" t="s">
        <v>141</v>
      </c>
      <c r="C2082" s="75"/>
      <c r="D2082" s="75"/>
      <c r="E2082" s="75"/>
      <c r="F2082" s="75"/>
      <c r="G2082" s="75"/>
      <c r="H2082" s="75"/>
      <c r="I2082" s="75"/>
      <c r="J2082" s="75"/>
      <c r="K2082" s="75"/>
      <c r="L2082" s="75"/>
      <c r="M2082" s="75"/>
      <c r="N2082" s="75"/>
      <c r="O2082" s="75"/>
      <c r="P2082" s="75"/>
      <c r="Q2082" s="75"/>
      <c r="R2082" s="75"/>
      <c r="S2082" s="75"/>
      <c r="T2082" s="75"/>
      <c r="U2082" s="75"/>
      <c r="V2082" s="75"/>
      <c r="W2082" s="75"/>
      <c r="X2082" s="75"/>
      <c r="Y2082" s="75"/>
    </row>
    <row r="2083" spans="1:25" s="32" customFormat="1" ht="36.450000000000003" customHeight="1" x14ac:dyDescent="0.15">
      <c r="A2083" s="31"/>
      <c r="D2083" s="33" t="s">
        <v>242</v>
      </c>
      <c r="E2083" s="35" t="s">
        <v>370</v>
      </c>
      <c r="F2083" s="37" t="s">
        <v>371</v>
      </c>
      <c r="G2083" s="34" t="s">
        <v>251</v>
      </c>
    </row>
    <row r="2084" spans="1:25" x14ac:dyDescent="0.2">
      <c r="B2084" s="5"/>
      <c r="C2084" s="41" t="s">
        <v>38</v>
      </c>
      <c r="D2084" s="42">
        <v>2000</v>
      </c>
      <c r="E2084" s="43">
        <v>62.4</v>
      </c>
      <c r="F2084" s="44">
        <v>37.6</v>
      </c>
    </row>
    <row r="2085" spans="1:25" x14ac:dyDescent="0.2">
      <c r="B2085" s="76" t="s">
        <v>37</v>
      </c>
      <c r="C2085" s="39" t="s">
        <v>39</v>
      </c>
      <c r="D2085" s="45">
        <v>111</v>
      </c>
      <c r="E2085" s="46">
        <v>74.8</v>
      </c>
      <c r="F2085" s="47">
        <v>25.2</v>
      </c>
    </row>
    <row r="2086" spans="1:25" x14ac:dyDescent="0.2">
      <c r="B2086" s="76"/>
      <c r="C2086" s="39" t="s">
        <v>40</v>
      </c>
      <c r="D2086" s="45">
        <v>450</v>
      </c>
      <c r="E2086" s="46">
        <v>74.7</v>
      </c>
      <c r="F2086" s="47">
        <v>25.3</v>
      </c>
    </row>
    <row r="2087" spans="1:25" ht="21.6" x14ac:dyDescent="0.2">
      <c r="B2087" s="76"/>
      <c r="C2087" s="39" t="s">
        <v>41</v>
      </c>
      <c r="D2087" s="45">
        <v>30</v>
      </c>
      <c r="E2087" s="46">
        <v>63.3</v>
      </c>
      <c r="F2087" s="47">
        <v>36.700000000000003</v>
      </c>
    </row>
    <row r="2088" spans="1:25" ht="21.6" x14ac:dyDescent="0.2">
      <c r="B2088" s="76"/>
      <c r="C2088" s="39" t="s">
        <v>42</v>
      </c>
      <c r="D2088" s="45">
        <v>336</v>
      </c>
      <c r="E2088" s="46">
        <v>73.2</v>
      </c>
      <c r="F2088" s="47">
        <v>26.8</v>
      </c>
    </row>
    <row r="2089" spans="1:25" ht="21.6" x14ac:dyDescent="0.2">
      <c r="B2089" s="76"/>
      <c r="C2089" s="39" t="s">
        <v>43</v>
      </c>
      <c r="D2089" s="45">
        <v>327</v>
      </c>
      <c r="E2089" s="46">
        <v>44.6</v>
      </c>
      <c r="F2089" s="47">
        <v>55.4</v>
      </c>
    </row>
    <row r="2090" spans="1:25" ht="21.6" x14ac:dyDescent="0.2">
      <c r="B2090" s="76"/>
      <c r="C2090" s="39" t="s">
        <v>44</v>
      </c>
      <c r="D2090" s="45">
        <v>181</v>
      </c>
      <c r="E2090" s="46">
        <v>60.8</v>
      </c>
      <c r="F2090" s="47">
        <v>39.200000000000003</v>
      </c>
    </row>
    <row r="2091" spans="1:25" ht="21.6" x14ac:dyDescent="0.2">
      <c r="B2091" s="76"/>
      <c r="C2091" s="39" t="s">
        <v>45</v>
      </c>
      <c r="D2091" s="45">
        <v>565</v>
      </c>
      <c r="E2091" s="46">
        <v>54.5</v>
      </c>
      <c r="F2091" s="47">
        <v>45.5</v>
      </c>
    </row>
    <row r="2092" spans="1:25" ht="21.6" x14ac:dyDescent="0.2">
      <c r="B2092" s="76"/>
      <c r="C2092" s="39" t="s">
        <v>46</v>
      </c>
      <c r="D2092" s="45">
        <v>473</v>
      </c>
      <c r="E2092" s="46">
        <v>72.900000000000006</v>
      </c>
      <c r="F2092" s="47">
        <v>27.1</v>
      </c>
    </row>
    <row r="2093" spans="1:25" ht="21.6" x14ac:dyDescent="0.2">
      <c r="B2093" s="76"/>
      <c r="C2093" s="39" t="s">
        <v>47</v>
      </c>
      <c r="D2093" s="45">
        <v>441</v>
      </c>
      <c r="E2093" s="46">
        <v>67.599999999999994</v>
      </c>
      <c r="F2093" s="47">
        <v>32.4</v>
      </c>
    </row>
    <row r="2094" spans="1:25" ht="21.6" x14ac:dyDescent="0.2">
      <c r="B2094" s="76"/>
      <c r="C2094" s="39" t="s">
        <v>48</v>
      </c>
      <c r="D2094" s="45">
        <v>305</v>
      </c>
      <c r="E2094" s="46">
        <v>66.900000000000006</v>
      </c>
      <c r="F2094" s="47">
        <v>33.1</v>
      </c>
    </row>
    <row r="2095" spans="1:25" ht="21.6" x14ac:dyDescent="0.2">
      <c r="B2095" s="76"/>
      <c r="C2095" s="39" t="s">
        <v>49</v>
      </c>
      <c r="D2095" s="45">
        <v>223</v>
      </c>
      <c r="E2095" s="46">
        <v>61.9</v>
      </c>
      <c r="F2095" s="47">
        <v>38.1</v>
      </c>
    </row>
    <row r="2096" spans="1:25" ht="21.6" x14ac:dyDescent="0.2">
      <c r="B2096" s="76"/>
      <c r="C2096" s="39" t="s">
        <v>50</v>
      </c>
      <c r="D2096" s="45">
        <v>123</v>
      </c>
      <c r="E2096" s="46">
        <v>65</v>
      </c>
      <c r="F2096" s="47">
        <v>35</v>
      </c>
    </row>
    <row r="2097" spans="1:25" ht="21.6" x14ac:dyDescent="0.2">
      <c r="B2097" s="76"/>
      <c r="C2097" s="39" t="s">
        <v>51</v>
      </c>
      <c r="D2097" s="45">
        <v>124</v>
      </c>
      <c r="E2097" s="46">
        <v>52.4</v>
      </c>
      <c r="F2097" s="47">
        <v>47.6</v>
      </c>
    </row>
    <row r="2098" spans="1:25" ht="21.6" x14ac:dyDescent="0.2">
      <c r="B2098" s="76"/>
      <c r="C2098" s="39" t="s">
        <v>52</v>
      </c>
      <c r="D2098" s="45">
        <v>312</v>
      </c>
      <c r="E2098" s="46">
        <v>57.7</v>
      </c>
      <c r="F2098" s="47">
        <v>42.3</v>
      </c>
    </row>
    <row r="2099" spans="1:25" x14ac:dyDescent="0.2">
      <c r="B2099" s="76"/>
      <c r="C2099" s="39" t="s">
        <v>53</v>
      </c>
      <c r="D2099" s="45">
        <v>269</v>
      </c>
      <c r="E2099" s="46">
        <v>56.9</v>
      </c>
      <c r="F2099" s="47">
        <v>43.1</v>
      </c>
    </row>
    <row r="2100" spans="1:25" ht="21.6" x14ac:dyDescent="0.2">
      <c r="B2100" s="76"/>
      <c r="C2100" s="39" t="s">
        <v>54</v>
      </c>
      <c r="D2100" s="45">
        <v>511</v>
      </c>
      <c r="E2100" s="46">
        <v>69.099999999999994</v>
      </c>
      <c r="F2100" s="47">
        <v>30.9</v>
      </c>
    </row>
    <row r="2101" spans="1:25" ht="21.6" x14ac:dyDescent="0.2">
      <c r="B2101" s="76"/>
      <c r="C2101" s="39" t="s">
        <v>55</v>
      </c>
      <c r="D2101" s="45">
        <v>615</v>
      </c>
      <c r="E2101" s="46">
        <v>71.099999999999994</v>
      </c>
      <c r="F2101" s="47">
        <v>28.9</v>
      </c>
    </row>
    <row r="2102" spans="1:25" ht="21.6" x14ac:dyDescent="0.2">
      <c r="B2102" s="76"/>
      <c r="C2102" s="39" t="s">
        <v>56</v>
      </c>
      <c r="D2102" s="45">
        <v>800</v>
      </c>
      <c r="E2102" s="46">
        <v>70.400000000000006</v>
      </c>
      <c r="F2102" s="47">
        <v>29.6</v>
      </c>
    </row>
    <row r="2103" spans="1:25" x14ac:dyDescent="0.2">
      <c r="B2103" s="76"/>
      <c r="C2103" s="40" t="s">
        <v>57</v>
      </c>
      <c r="D2103" s="48">
        <v>798</v>
      </c>
      <c r="E2103" s="49">
        <v>64.7</v>
      </c>
      <c r="F2103" s="50">
        <v>35.299999999999997</v>
      </c>
    </row>
    <row r="2105" spans="1:25" x14ac:dyDescent="0.2">
      <c r="C2105" t="s">
        <v>35</v>
      </c>
    </row>
    <row r="2106" spans="1:25" x14ac:dyDescent="0.2">
      <c r="B2106" s="74" t="s">
        <v>218</v>
      </c>
      <c r="C2106" s="75"/>
      <c r="D2106" s="75"/>
      <c r="E2106" s="75"/>
      <c r="F2106" s="75"/>
      <c r="G2106" s="75"/>
      <c r="H2106" s="75"/>
      <c r="I2106" s="75"/>
      <c r="J2106" s="75"/>
      <c r="K2106" s="75"/>
      <c r="L2106" s="75"/>
      <c r="M2106" s="75"/>
      <c r="N2106" s="75"/>
      <c r="O2106" s="75"/>
      <c r="P2106" s="75"/>
      <c r="Q2106" s="75"/>
      <c r="R2106" s="75"/>
      <c r="S2106" s="75"/>
      <c r="T2106" s="75"/>
      <c r="U2106" s="75"/>
      <c r="V2106" s="75"/>
      <c r="W2106" s="75"/>
      <c r="X2106" s="75"/>
      <c r="Y2106" s="75"/>
    </row>
    <row r="2107" spans="1:25" s="32" customFormat="1" ht="36.450000000000003" customHeight="1" x14ac:dyDescent="0.15">
      <c r="A2107" s="31"/>
      <c r="D2107" s="33" t="s">
        <v>242</v>
      </c>
      <c r="E2107" s="35" t="s">
        <v>370</v>
      </c>
      <c r="F2107" s="37" t="s">
        <v>371</v>
      </c>
      <c r="G2107" s="34" t="s">
        <v>251</v>
      </c>
    </row>
    <row r="2108" spans="1:25" ht="21.6" x14ac:dyDescent="0.2">
      <c r="B2108" s="76" t="s">
        <v>37</v>
      </c>
      <c r="C2108" s="38" t="s">
        <v>58</v>
      </c>
      <c r="D2108" s="51">
        <v>609</v>
      </c>
      <c r="E2108" s="52">
        <v>69.5</v>
      </c>
      <c r="F2108" s="53">
        <v>30.5</v>
      </c>
    </row>
    <row r="2109" spans="1:25" ht="21.6" x14ac:dyDescent="0.2">
      <c r="B2109" s="76"/>
      <c r="C2109" s="39" t="s">
        <v>59</v>
      </c>
      <c r="D2109" s="45">
        <v>1391</v>
      </c>
      <c r="E2109" s="46">
        <v>59.3</v>
      </c>
      <c r="F2109" s="47">
        <v>40.700000000000003</v>
      </c>
    </row>
    <row r="2110" spans="1:25" x14ac:dyDescent="0.2">
      <c r="B2110" s="76"/>
      <c r="C2110" s="39" t="s">
        <v>60</v>
      </c>
      <c r="D2110" s="45">
        <v>1325</v>
      </c>
      <c r="E2110" s="46">
        <v>63.7</v>
      </c>
      <c r="F2110" s="47">
        <v>36.299999999999997</v>
      </c>
    </row>
    <row r="2111" spans="1:25" x14ac:dyDescent="0.2">
      <c r="B2111" s="76"/>
      <c r="C2111" s="39" t="s">
        <v>61</v>
      </c>
      <c r="D2111" s="45">
        <v>675</v>
      </c>
      <c r="E2111" s="46">
        <v>59.9</v>
      </c>
      <c r="F2111" s="47">
        <v>40.1</v>
      </c>
    </row>
    <row r="2112" spans="1:25" x14ac:dyDescent="0.2">
      <c r="B2112" s="76"/>
      <c r="C2112" s="39" t="s">
        <v>62</v>
      </c>
      <c r="D2112" s="45">
        <v>1086</v>
      </c>
      <c r="E2112" s="46">
        <v>81.400000000000006</v>
      </c>
      <c r="F2112" s="47">
        <v>18.600000000000001</v>
      </c>
    </row>
    <row r="2113" spans="2:6" ht="21.6" x14ac:dyDescent="0.2">
      <c r="B2113" s="76"/>
      <c r="C2113" s="39" t="s">
        <v>63</v>
      </c>
      <c r="D2113" s="45">
        <v>203</v>
      </c>
      <c r="E2113" s="46">
        <v>52.7</v>
      </c>
      <c r="F2113" s="47">
        <v>47.3</v>
      </c>
    </row>
    <row r="2114" spans="2:6" x14ac:dyDescent="0.2">
      <c r="B2114" s="76"/>
      <c r="C2114" s="39" t="s">
        <v>64</v>
      </c>
      <c r="D2114" s="45">
        <v>263</v>
      </c>
      <c r="E2114" s="46">
        <v>83.3</v>
      </c>
      <c r="F2114" s="47">
        <v>16.7</v>
      </c>
    </row>
    <row r="2115" spans="2:6" x14ac:dyDescent="0.2">
      <c r="B2115" s="76"/>
      <c r="C2115" s="39" t="s">
        <v>65</v>
      </c>
      <c r="D2115" s="45">
        <v>312</v>
      </c>
      <c r="E2115" s="46">
        <v>88.8</v>
      </c>
      <c r="F2115" s="47">
        <v>11.2</v>
      </c>
    </row>
    <row r="2116" spans="2:6" x14ac:dyDescent="0.2">
      <c r="B2116" s="76"/>
      <c r="C2116" s="39" t="s">
        <v>66</v>
      </c>
      <c r="D2116" s="45">
        <v>230</v>
      </c>
      <c r="E2116" s="46">
        <v>92.2</v>
      </c>
      <c r="F2116" s="47">
        <v>7.8</v>
      </c>
    </row>
    <row r="2117" spans="2:6" x14ac:dyDescent="0.2">
      <c r="B2117" s="76"/>
      <c r="C2117" s="39" t="s">
        <v>67</v>
      </c>
      <c r="D2117" s="45">
        <v>78</v>
      </c>
      <c r="E2117" s="46">
        <v>88.5</v>
      </c>
      <c r="F2117" s="47">
        <v>11.5</v>
      </c>
    </row>
    <row r="2118" spans="2:6" x14ac:dyDescent="0.2">
      <c r="B2118" s="76"/>
      <c r="C2118" s="39" t="s">
        <v>68</v>
      </c>
      <c r="D2118" s="45">
        <v>897</v>
      </c>
      <c r="E2118" s="46">
        <v>86.2</v>
      </c>
      <c r="F2118" s="47">
        <v>13.8</v>
      </c>
    </row>
    <row r="2119" spans="2:6" x14ac:dyDescent="0.2">
      <c r="B2119" s="76"/>
      <c r="C2119" s="39" t="s">
        <v>69</v>
      </c>
      <c r="D2119" s="45">
        <v>189</v>
      </c>
      <c r="E2119" s="46">
        <v>58.7</v>
      </c>
      <c r="F2119" s="47">
        <v>41.3</v>
      </c>
    </row>
    <row r="2120" spans="2:6" x14ac:dyDescent="0.2">
      <c r="B2120" s="76"/>
      <c r="C2120" s="39" t="s">
        <v>70</v>
      </c>
      <c r="D2120" s="45">
        <v>914</v>
      </c>
      <c r="E2120" s="46">
        <v>39.799999999999997</v>
      </c>
      <c r="F2120" s="47">
        <v>60.2</v>
      </c>
    </row>
    <row r="2121" spans="2:6" ht="21.6" x14ac:dyDescent="0.2">
      <c r="B2121" s="76"/>
      <c r="C2121" s="39" t="s">
        <v>63</v>
      </c>
      <c r="D2121" s="45">
        <v>193</v>
      </c>
      <c r="E2121" s="46">
        <v>44</v>
      </c>
      <c r="F2121" s="47">
        <v>56</v>
      </c>
    </row>
    <row r="2122" spans="2:6" x14ac:dyDescent="0.2">
      <c r="B2122" s="76"/>
      <c r="C2122" s="39" t="s">
        <v>64</v>
      </c>
      <c r="D2122" s="45">
        <v>203</v>
      </c>
      <c r="E2122" s="46">
        <v>38.4</v>
      </c>
      <c r="F2122" s="47">
        <v>61.6</v>
      </c>
    </row>
    <row r="2123" spans="2:6" x14ac:dyDescent="0.2">
      <c r="B2123" s="76"/>
      <c r="C2123" s="39" t="s">
        <v>65</v>
      </c>
      <c r="D2123" s="45">
        <v>263</v>
      </c>
      <c r="E2123" s="46">
        <v>38.799999999999997</v>
      </c>
      <c r="F2123" s="47">
        <v>61.2</v>
      </c>
    </row>
    <row r="2124" spans="2:6" x14ac:dyDescent="0.2">
      <c r="B2124" s="76"/>
      <c r="C2124" s="39" t="s">
        <v>66</v>
      </c>
      <c r="D2124" s="45">
        <v>194</v>
      </c>
      <c r="E2124" s="46">
        <v>35.6</v>
      </c>
      <c r="F2124" s="47">
        <v>64.400000000000006</v>
      </c>
    </row>
    <row r="2125" spans="2:6" x14ac:dyDescent="0.2">
      <c r="B2125" s="76"/>
      <c r="C2125" s="39" t="s">
        <v>67</v>
      </c>
      <c r="D2125" s="45">
        <v>61</v>
      </c>
      <c r="E2125" s="46">
        <v>49.2</v>
      </c>
      <c r="F2125" s="47">
        <v>50.8</v>
      </c>
    </row>
    <row r="2126" spans="2:6" x14ac:dyDescent="0.2">
      <c r="B2126" s="76"/>
      <c r="C2126" s="39" t="s">
        <v>68</v>
      </c>
      <c r="D2126" s="45">
        <v>416</v>
      </c>
      <c r="E2126" s="46">
        <v>57</v>
      </c>
      <c r="F2126" s="47">
        <v>43</v>
      </c>
    </row>
    <row r="2127" spans="2:6" x14ac:dyDescent="0.2">
      <c r="B2127" s="76"/>
      <c r="C2127" s="40" t="s">
        <v>69</v>
      </c>
      <c r="D2127" s="48">
        <v>498</v>
      </c>
      <c r="E2127" s="49">
        <v>25.5</v>
      </c>
      <c r="F2127" s="50">
        <v>74.5</v>
      </c>
    </row>
    <row r="2129" spans="1:25" x14ac:dyDescent="0.2">
      <c r="A2129" s="26" t="s">
        <v>25</v>
      </c>
      <c r="B2129" t="s">
        <v>35</v>
      </c>
      <c r="C2129" t="s">
        <v>35</v>
      </c>
    </row>
    <row r="2130" spans="1:25" x14ac:dyDescent="0.2">
      <c r="B2130" s="74" t="s">
        <v>142</v>
      </c>
      <c r="C2130" s="75"/>
      <c r="D2130" s="75"/>
      <c r="E2130" s="75"/>
      <c r="F2130" s="75"/>
      <c r="G2130" s="75"/>
      <c r="H2130" s="75"/>
      <c r="I2130" s="75"/>
      <c r="J2130" s="75"/>
      <c r="K2130" s="75"/>
      <c r="L2130" s="75"/>
      <c r="M2130" s="75"/>
      <c r="N2130" s="75"/>
      <c r="O2130" s="75"/>
      <c r="P2130" s="75"/>
      <c r="Q2130" s="75"/>
      <c r="R2130" s="75"/>
      <c r="S2130" s="75"/>
      <c r="T2130" s="75"/>
      <c r="U2130" s="75"/>
      <c r="V2130" s="75"/>
      <c r="W2130" s="75"/>
      <c r="X2130" s="75"/>
      <c r="Y2130" s="75"/>
    </row>
    <row r="2131" spans="1:25" s="32" customFormat="1" ht="25.65" customHeight="1" x14ac:dyDescent="0.15">
      <c r="A2131" s="31"/>
      <c r="D2131" s="33" t="s">
        <v>242</v>
      </c>
      <c r="E2131" s="35" t="s">
        <v>364</v>
      </c>
      <c r="F2131" s="37" t="s">
        <v>365</v>
      </c>
      <c r="G2131" s="34" t="s">
        <v>251</v>
      </c>
    </row>
    <row r="2132" spans="1:25" x14ac:dyDescent="0.2">
      <c r="B2132" s="5"/>
      <c r="C2132" s="41" t="s">
        <v>38</v>
      </c>
      <c r="D2132" s="42">
        <v>2000</v>
      </c>
      <c r="E2132" s="43">
        <v>55.3</v>
      </c>
      <c r="F2132" s="44">
        <v>44.7</v>
      </c>
    </row>
    <row r="2133" spans="1:25" x14ac:dyDescent="0.2">
      <c r="B2133" s="76" t="s">
        <v>37</v>
      </c>
      <c r="C2133" s="39" t="s">
        <v>39</v>
      </c>
      <c r="D2133" s="45">
        <v>111</v>
      </c>
      <c r="E2133" s="46">
        <v>47.7</v>
      </c>
      <c r="F2133" s="47">
        <v>52.3</v>
      </c>
    </row>
    <row r="2134" spans="1:25" x14ac:dyDescent="0.2">
      <c r="B2134" s="76"/>
      <c r="C2134" s="39" t="s">
        <v>40</v>
      </c>
      <c r="D2134" s="45">
        <v>450</v>
      </c>
      <c r="E2134" s="46">
        <v>48.7</v>
      </c>
      <c r="F2134" s="47">
        <v>51.3</v>
      </c>
    </row>
    <row r="2135" spans="1:25" ht="21.6" x14ac:dyDescent="0.2">
      <c r="B2135" s="76"/>
      <c r="C2135" s="39" t="s">
        <v>41</v>
      </c>
      <c r="D2135" s="45">
        <v>30</v>
      </c>
      <c r="E2135" s="46">
        <v>50</v>
      </c>
      <c r="F2135" s="47">
        <v>50</v>
      </c>
    </row>
    <row r="2136" spans="1:25" ht="21.6" x14ac:dyDescent="0.2">
      <c r="B2136" s="76"/>
      <c r="C2136" s="39" t="s">
        <v>42</v>
      </c>
      <c r="D2136" s="45">
        <v>336</v>
      </c>
      <c r="E2136" s="46">
        <v>51.5</v>
      </c>
      <c r="F2136" s="47">
        <v>48.5</v>
      </c>
    </row>
    <row r="2137" spans="1:25" ht="21.6" x14ac:dyDescent="0.2">
      <c r="B2137" s="76"/>
      <c r="C2137" s="39" t="s">
        <v>43</v>
      </c>
      <c r="D2137" s="45">
        <v>327</v>
      </c>
      <c r="E2137" s="46">
        <v>67.3</v>
      </c>
      <c r="F2137" s="47">
        <v>32.700000000000003</v>
      </c>
    </row>
    <row r="2138" spans="1:25" ht="21.6" x14ac:dyDescent="0.2">
      <c r="B2138" s="76"/>
      <c r="C2138" s="39" t="s">
        <v>44</v>
      </c>
      <c r="D2138" s="45">
        <v>181</v>
      </c>
      <c r="E2138" s="46">
        <v>61.9</v>
      </c>
      <c r="F2138" s="47">
        <v>38.1</v>
      </c>
    </row>
    <row r="2139" spans="1:25" ht="21.6" x14ac:dyDescent="0.2">
      <c r="B2139" s="76"/>
      <c r="C2139" s="39" t="s">
        <v>45</v>
      </c>
      <c r="D2139" s="45">
        <v>565</v>
      </c>
      <c r="E2139" s="46">
        <v>55.6</v>
      </c>
      <c r="F2139" s="47">
        <v>44.4</v>
      </c>
    </row>
    <row r="2140" spans="1:25" ht="21.6" x14ac:dyDescent="0.2">
      <c r="B2140" s="76"/>
      <c r="C2140" s="39" t="s">
        <v>46</v>
      </c>
      <c r="D2140" s="45">
        <v>473</v>
      </c>
      <c r="E2140" s="46">
        <v>30.2</v>
      </c>
      <c r="F2140" s="47">
        <v>69.8</v>
      </c>
    </row>
    <row r="2141" spans="1:25" ht="21.6" x14ac:dyDescent="0.2">
      <c r="B2141" s="76"/>
      <c r="C2141" s="39" t="s">
        <v>47</v>
      </c>
      <c r="D2141" s="45">
        <v>441</v>
      </c>
      <c r="E2141" s="46">
        <v>48.8</v>
      </c>
      <c r="F2141" s="47">
        <v>51.2</v>
      </c>
    </row>
    <row r="2142" spans="1:25" ht="21.6" x14ac:dyDescent="0.2">
      <c r="B2142" s="76"/>
      <c r="C2142" s="39" t="s">
        <v>48</v>
      </c>
      <c r="D2142" s="45">
        <v>305</v>
      </c>
      <c r="E2142" s="46">
        <v>60</v>
      </c>
      <c r="F2142" s="47">
        <v>40</v>
      </c>
    </row>
    <row r="2143" spans="1:25" ht="21.6" x14ac:dyDescent="0.2">
      <c r="B2143" s="76"/>
      <c r="C2143" s="39" t="s">
        <v>49</v>
      </c>
      <c r="D2143" s="45">
        <v>223</v>
      </c>
      <c r="E2143" s="46">
        <v>73.5</v>
      </c>
      <c r="F2143" s="47">
        <v>26.5</v>
      </c>
    </row>
    <row r="2144" spans="1:25" ht="21.6" x14ac:dyDescent="0.2">
      <c r="B2144" s="76"/>
      <c r="C2144" s="39" t="s">
        <v>50</v>
      </c>
      <c r="D2144" s="45">
        <v>123</v>
      </c>
      <c r="E2144" s="46">
        <v>74.8</v>
      </c>
      <c r="F2144" s="47">
        <v>25.2</v>
      </c>
    </row>
    <row r="2145" spans="1:25" ht="21.6" x14ac:dyDescent="0.2">
      <c r="B2145" s="76"/>
      <c r="C2145" s="39" t="s">
        <v>51</v>
      </c>
      <c r="D2145" s="45">
        <v>124</v>
      </c>
      <c r="E2145" s="46">
        <v>84.7</v>
      </c>
      <c r="F2145" s="47">
        <v>15.3</v>
      </c>
    </row>
    <row r="2146" spans="1:25" ht="21.6" x14ac:dyDescent="0.2">
      <c r="B2146" s="76"/>
      <c r="C2146" s="39" t="s">
        <v>52</v>
      </c>
      <c r="D2146" s="45">
        <v>312</v>
      </c>
      <c r="E2146" s="46">
        <v>55.8</v>
      </c>
      <c r="F2146" s="47">
        <v>44.2</v>
      </c>
    </row>
    <row r="2147" spans="1:25" x14ac:dyDescent="0.2">
      <c r="B2147" s="76"/>
      <c r="C2147" s="39" t="s">
        <v>53</v>
      </c>
      <c r="D2147" s="45">
        <v>269</v>
      </c>
      <c r="E2147" s="46">
        <v>56.5</v>
      </c>
      <c r="F2147" s="47">
        <v>43.5</v>
      </c>
    </row>
    <row r="2148" spans="1:25" ht="21.6" x14ac:dyDescent="0.2">
      <c r="B2148" s="76"/>
      <c r="C2148" s="39" t="s">
        <v>54</v>
      </c>
      <c r="D2148" s="45">
        <v>511</v>
      </c>
      <c r="E2148" s="46">
        <v>54.6</v>
      </c>
      <c r="F2148" s="47">
        <v>45.4</v>
      </c>
    </row>
    <row r="2149" spans="1:25" ht="21.6" x14ac:dyDescent="0.2">
      <c r="B2149" s="76"/>
      <c r="C2149" s="39" t="s">
        <v>55</v>
      </c>
      <c r="D2149" s="45">
        <v>615</v>
      </c>
      <c r="E2149" s="46">
        <v>53.2</v>
      </c>
      <c r="F2149" s="47">
        <v>46.8</v>
      </c>
    </row>
    <row r="2150" spans="1:25" ht="21.6" x14ac:dyDescent="0.2">
      <c r="B2150" s="76"/>
      <c r="C2150" s="39" t="s">
        <v>56</v>
      </c>
      <c r="D2150" s="45">
        <v>800</v>
      </c>
      <c r="E2150" s="46">
        <v>54</v>
      </c>
      <c r="F2150" s="47">
        <v>46</v>
      </c>
    </row>
    <row r="2151" spans="1:25" x14ac:dyDescent="0.2">
      <c r="B2151" s="76"/>
      <c r="C2151" s="40" t="s">
        <v>57</v>
      </c>
      <c r="D2151" s="48">
        <v>798</v>
      </c>
      <c r="E2151" s="49">
        <v>54.9</v>
      </c>
      <c r="F2151" s="50">
        <v>45.1</v>
      </c>
    </row>
    <row r="2152" spans="1:25" x14ac:dyDescent="0.2">
      <c r="B2152" s="7" t="s">
        <v>71</v>
      </c>
      <c r="C2152" s="4" t="s">
        <v>143</v>
      </c>
    </row>
    <row r="2153" spans="1:25" x14ac:dyDescent="0.2">
      <c r="B2153" s="4"/>
      <c r="C2153" s="4" t="s">
        <v>73</v>
      </c>
    </row>
    <row r="2155" spans="1:25" x14ac:dyDescent="0.2">
      <c r="C2155" t="s">
        <v>35</v>
      </c>
    </row>
    <row r="2156" spans="1:25" x14ac:dyDescent="0.2">
      <c r="B2156" s="74" t="s">
        <v>219</v>
      </c>
      <c r="C2156" s="75"/>
      <c r="D2156" s="75"/>
      <c r="E2156" s="75"/>
      <c r="F2156" s="75"/>
      <c r="G2156" s="75"/>
      <c r="H2156" s="75"/>
      <c r="I2156" s="75"/>
      <c r="J2156" s="75"/>
      <c r="K2156" s="75"/>
      <c r="L2156" s="75"/>
      <c r="M2156" s="75"/>
      <c r="N2156" s="75"/>
      <c r="O2156" s="75"/>
      <c r="P2156" s="75"/>
      <c r="Q2156" s="75"/>
      <c r="R2156" s="75"/>
      <c r="S2156" s="75"/>
      <c r="T2156" s="75"/>
      <c r="U2156" s="75"/>
      <c r="V2156" s="75"/>
      <c r="W2156" s="75"/>
      <c r="X2156" s="75"/>
      <c r="Y2156" s="75"/>
    </row>
    <row r="2157" spans="1:25" s="32" customFormat="1" ht="25.65" customHeight="1" x14ac:dyDescent="0.15">
      <c r="A2157" s="31"/>
      <c r="D2157" s="33" t="s">
        <v>242</v>
      </c>
      <c r="E2157" s="35" t="s">
        <v>364</v>
      </c>
      <c r="F2157" s="37" t="s">
        <v>365</v>
      </c>
      <c r="G2157" s="34" t="s">
        <v>251</v>
      </c>
    </row>
    <row r="2158" spans="1:25" ht="21.6" x14ac:dyDescent="0.2">
      <c r="B2158" s="76" t="s">
        <v>37</v>
      </c>
      <c r="C2158" s="38" t="s">
        <v>58</v>
      </c>
      <c r="D2158" s="51">
        <v>609</v>
      </c>
      <c r="E2158" s="52">
        <v>51.6</v>
      </c>
      <c r="F2158" s="53">
        <v>48.4</v>
      </c>
    </row>
    <row r="2159" spans="1:25" ht="21.6" x14ac:dyDescent="0.2">
      <c r="B2159" s="76"/>
      <c r="C2159" s="39" t="s">
        <v>59</v>
      </c>
      <c r="D2159" s="45">
        <v>1391</v>
      </c>
      <c r="E2159" s="46">
        <v>56.9</v>
      </c>
      <c r="F2159" s="47">
        <v>43.1</v>
      </c>
    </row>
    <row r="2160" spans="1:25" x14ac:dyDescent="0.2">
      <c r="B2160" s="76"/>
      <c r="C2160" s="39" t="s">
        <v>60</v>
      </c>
      <c r="D2160" s="45">
        <v>1325</v>
      </c>
      <c r="E2160" s="46">
        <v>54</v>
      </c>
      <c r="F2160" s="47">
        <v>46</v>
      </c>
    </row>
    <row r="2161" spans="2:6" x14ac:dyDescent="0.2">
      <c r="B2161" s="76"/>
      <c r="C2161" s="39" t="s">
        <v>61</v>
      </c>
      <c r="D2161" s="45">
        <v>675</v>
      </c>
      <c r="E2161" s="46">
        <v>57.8</v>
      </c>
      <c r="F2161" s="47">
        <v>42.2</v>
      </c>
    </row>
    <row r="2162" spans="2:6" x14ac:dyDescent="0.2">
      <c r="B2162" s="76"/>
      <c r="C2162" s="39" t="s">
        <v>62</v>
      </c>
      <c r="D2162" s="45">
        <v>1086</v>
      </c>
      <c r="E2162" s="46">
        <v>49.8</v>
      </c>
      <c r="F2162" s="47">
        <v>50.2</v>
      </c>
    </row>
    <row r="2163" spans="2:6" ht="21.6" x14ac:dyDescent="0.2">
      <c r="B2163" s="76"/>
      <c r="C2163" s="39" t="s">
        <v>63</v>
      </c>
      <c r="D2163" s="45">
        <v>203</v>
      </c>
      <c r="E2163" s="46">
        <v>54.2</v>
      </c>
      <c r="F2163" s="47">
        <v>45.8</v>
      </c>
    </row>
    <row r="2164" spans="2:6" x14ac:dyDescent="0.2">
      <c r="B2164" s="76"/>
      <c r="C2164" s="39" t="s">
        <v>64</v>
      </c>
      <c r="D2164" s="45">
        <v>263</v>
      </c>
      <c r="E2164" s="46">
        <v>45.6</v>
      </c>
      <c r="F2164" s="47">
        <v>54.4</v>
      </c>
    </row>
    <row r="2165" spans="2:6" x14ac:dyDescent="0.2">
      <c r="B2165" s="76"/>
      <c r="C2165" s="39" t="s">
        <v>65</v>
      </c>
      <c r="D2165" s="45">
        <v>312</v>
      </c>
      <c r="E2165" s="46">
        <v>49</v>
      </c>
      <c r="F2165" s="47">
        <v>51</v>
      </c>
    </row>
    <row r="2166" spans="2:6" x14ac:dyDescent="0.2">
      <c r="B2166" s="76"/>
      <c r="C2166" s="39" t="s">
        <v>66</v>
      </c>
      <c r="D2166" s="45">
        <v>230</v>
      </c>
      <c r="E2166" s="46">
        <v>53.5</v>
      </c>
      <c r="F2166" s="47">
        <v>46.5</v>
      </c>
    </row>
    <row r="2167" spans="2:6" x14ac:dyDescent="0.2">
      <c r="B2167" s="76"/>
      <c r="C2167" s="39" t="s">
        <v>67</v>
      </c>
      <c r="D2167" s="45">
        <v>78</v>
      </c>
      <c r="E2167" s="46">
        <v>44.9</v>
      </c>
      <c r="F2167" s="47">
        <v>55.1</v>
      </c>
    </row>
    <row r="2168" spans="2:6" x14ac:dyDescent="0.2">
      <c r="B2168" s="76"/>
      <c r="C2168" s="39" t="s">
        <v>68</v>
      </c>
      <c r="D2168" s="45">
        <v>897</v>
      </c>
      <c r="E2168" s="46">
        <v>50.2</v>
      </c>
      <c r="F2168" s="47">
        <v>49.8</v>
      </c>
    </row>
    <row r="2169" spans="2:6" x14ac:dyDescent="0.2">
      <c r="B2169" s="76"/>
      <c r="C2169" s="39" t="s">
        <v>69</v>
      </c>
      <c r="D2169" s="45">
        <v>189</v>
      </c>
      <c r="E2169" s="46">
        <v>48.1</v>
      </c>
      <c r="F2169" s="47">
        <v>51.9</v>
      </c>
    </row>
    <row r="2170" spans="2:6" x14ac:dyDescent="0.2">
      <c r="B2170" s="76"/>
      <c r="C2170" s="39" t="s">
        <v>70</v>
      </c>
      <c r="D2170" s="45">
        <v>914</v>
      </c>
      <c r="E2170" s="46">
        <v>61.8</v>
      </c>
      <c r="F2170" s="47">
        <v>38.200000000000003</v>
      </c>
    </row>
    <row r="2171" spans="2:6" ht="21.6" x14ac:dyDescent="0.2">
      <c r="B2171" s="76"/>
      <c r="C2171" s="39" t="s">
        <v>63</v>
      </c>
      <c r="D2171" s="45">
        <v>193</v>
      </c>
      <c r="E2171" s="46">
        <v>59.6</v>
      </c>
      <c r="F2171" s="47">
        <v>40.4</v>
      </c>
    </row>
    <row r="2172" spans="2:6" x14ac:dyDescent="0.2">
      <c r="B2172" s="76"/>
      <c r="C2172" s="39" t="s">
        <v>64</v>
      </c>
      <c r="D2172" s="45">
        <v>203</v>
      </c>
      <c r="E2172" s="46">
        <v>62.6</v>
      </c>
      <c r="F2172" s="47">
        <v>37.4</v>
      </c>
    </row>
    <row r="2173" spans="2:6" x14ac:dyDescent="0.2">
      <c r="B2173" s="76"/>
      <c r="C2173" s="39" t="s">
        <v>65</v>
      </c>
      <c r="D2173" s="45">
        <v>263</v>
      </c>
      <c r="E2173" s="46">
        <v>57.8</v>
      </c>
      <c r="F2173" s="47">
        <v>42.2</v>
      </c>
    </row>
    <row r="2174" spans="2:6" x14ac:dyDescent="0.2">
      <c r="B2174" s="76"/>
      <c r="C2174" s="39" t="s">
        <v>66</v>
      </c>
      <c r="D2174" s="45">
        <v>194</v>
      </c>
      <c r="E2174" s="46">
        <v>70.599999999999994</v>
      </c>
      <c r="F2174" s="47">
        <v>29.4</v>
      </c>
    </row>
    <row r="2175" spans="2:6" x14ac:dyDescent="0.2">
      <c r="B2175" s="76"/>
      <c r="C2175" s="39" t="s">
        <v>67</v>
      </c>
      <c r="D2175" s="45">
        <v>61</v>
      </c>
      <c r="E2175" s="46">
        <v>55.7</v>
      </c>
      <c r="F2175" s="47">
        <v>44.3</v>
      </c>
    </row>
    <row r="2176" spans="2:6" x14ac:dyDescent="0.2">
      <c r="B2176" s="76"/>
      <c r="C2176" s="39" t="s">
        <v>68</v>
      </c>
      <c r="D2176" s="45">
        <v>416</v>
      </c>
      <c r="E2176" s="46">
        <v>51</v>
      </c>
      <c r="F2176" s="47">
        <v>49</v>
      </c>
    </row>
    <row r="2177" spans="1:25" x14ac:dyDescent="0.2">
      <c r="B2177" s="76"/>
      <c r="C2177" s="40" t="s">
        <v>69</v>
      </c>
      <c r="D2177" s="48">
        <v>498</v>
      </c>
      <c r="E2177" s="49">
        <v>70.900000000000006</v>
      </c>
      <c r="F2177" s="50">
        <v>29.1</v>
      </c>
    </row>
    <row r="2178" spans="1:25" x14ac:dyDescent="0.2">
      <c r="B2178" s="7" t="s">
        <v>71</v>
      </c>
      <c r="C2178" s="4" t="s">
        <v>143</v>
      </c>
    </row>
    <row r="2179" spans="1:25" x14ac:dyDescent="0.2">
      <c r="B2179" s="4"/>
      <c r="C2179" s="4" t="s">
        <v>73</v>
      </c>
    </row>
    <row r="2181" spans="1:25" x14ac:dyDescent="0.2">
      <c r="A2181" s="26" t="s">
        <v>25</v>
      </c>
      <c r="B2181" t="s">
        <v>35</v>
      </c>
      <c r="C2181" t="s">
        <v>35</v>
      </c>
    </row>
    <row r="2182" spans="1:25" x14ac:dyDescent="0.2">
      <c r="B2182" s="74" t="s">
        <v>144</v>
      </c>
      <c r="C2182" s="75"/>
      <c r="D2182" s="75"/>
      <c r="E2182" s="75"/>
      <c r="F2182" s="75"/>
      <c r="G2182" s="75"/>
      <c r="H2182" s="75"/>
      <c r="I2182" s="75"/>
      <c r="J2182" s="75"/>
      <c r="K2182" s="75"/>
      <c r="L2182" s="75"/>
      <c r="M2182" s="75"/>
      <c r="N2182" s="75"/>
      <c r="O2182" s="75"/>
      <c r="P2182" s="75"/>
      <c r="Q2182" s="75"/>
      <c r="R2182" s="75"/>
      <c r="S2182" s="75"/>
      <c r="T2182" s="75"/>
      <c r="U2182" s="75"/>
      <c r="V2182" s="75"/>
      <c r="W2182" s="75"/>
      <c r="X2182" s="75"/>
      <c r="Y2182" s="75"/>
    </row>
    <row r="2183" spans="1:25" s="32" customFormat="1" ht="47.25" customHeight="1" x14ac:dyDescent="0.15">
      <c r="A2183" s="31"/>
      <c r="D2183" s="33" t="s">
        <v>242</v>
      </c>
      <c r="E2183" s="35" t="s">
        <v>372</v>
      </c>
      <c r="F2183" s="36" t="s">
        <v>368</v>
      </c>
      <c r="G2183" s="36" t="s">
        <v>369</v>
      </c>
      <c r="H2183" s="37" t="s">
        <v>264</v>
      </c>
      <c r="I2183" s="34" t="s">
        <v>251</v>
      </c>
    </row>
    <row r="2184" spans="1:25" x14ac:dyDescent="0.2">
      <c r="B2184" s="5"/>
      <c r="C2184" s="41" t="s">
        <v>38</v>
      </c>
      <c r="D2184" s="42">
        <v>1106</v>
      </c>
      <c r="E2184" s="43">
        <v>66</v>
      </c>
      <c r="F2184" s="43">
        <v>25.9</v>
      </c>
      <c r="G2184" s="43">
        <v>13</v>
      </c>
      <c r="H2184" s="44">
        <v>7.6</v>
      </c>
    </row>
    <row r="2185" spans="1:25" x14ac:dyDescent="0.2">
      <c r="B2185" s="76" t="s">
        <v>37</v>
      </c>
      <c r="C2185" s="39" t="s">
        <v>39</v>
      </c>
      <c r="D2185" s="45">
        <v>53</v>
      </c>
      <c r="E2185" s="46">
        <v>67.900000000000006</v>
      </c>
      <c r="F2185" s="46">
        <v>24.5</v>
      </c>
      <c r="G2185" s="46">
        <v>13.2</v>
      </c>
      <c r="H2185" s="47">
        <v>9.4</v>
      </c>
    </row>
    <row r="2186" spans="1:25" x14ac:dyDescent="0.2">
      <c r="B2186" s="76"/>
      <c r="C2186" s="39" t="s">
        <v>40</v>
      </c>
      <c r="D2186" s="45">
        <v>219</v>
      </c>
      <c r="E2186" s="46">
        <v>70.8</v>
      </c>
      <c r="F2186" s="46">
        <v>22.4</v>
      </c>
      <c r="G2186" s="46">
        <v>12.8</v>
      </c>
      <c r="H2186" s="47">
        <v>5.5</v>
      </c>
    </row>
    <row r="2187" spans="1:25" ht="21.6" x14ac:dyDescent="0.2">
      <c r="B2187" s="76"/>
      <c r="C2187" s="39" t="s">
        <v>41</v>
      </c>
      <c r="D2187" s="45">
        <v>15</v>
      </c>
      <c r="E2187" s="46">
        <v>73.3</v>
      </c>
      <c r="F2187" s="46">
        <v>20</v>
      </c>
      <c r="G2187" s="46">
        <v>6.7</v>
      </c>
      <c r="H2187" s="47">
        <v>6.7</v>
      </c>
    </row>
    <row r="2188" spans="1:25" ht="21.6" x14ac:dyDescent="0.2">
      <c r="B2188" s="76"/>
      <c r="C2188" s="39" t="s">
        <v>42</v>
      </c>
      <c r="D2188" s="45">
        <v>173</v>
      </c>
      <c r="E2188" s="46">
        <v>65.3</v>
      </c>
      <c r="F2188" s="46">
        <v>23.1</v>
      </c>
      <c r="G2188" s="46">
        <v>13.9</v>
      </c>
      <c r="H2188" s="47">
        <v>8.1</v>
      </c>
    </row>
    <row r="2189" spans="1:25" ht="21.6" x14ac:dyDescent="0.2">
      <c r="B2189" s="76"/>
      <c r="C2189" s="39" t="s">
        <v>43</v>
      </c>
      <c r="D2189" s="45">
        <v>220</v>
      </c>
      <c r="E2189" s="46">
        <v>63.6</v>
      </c>
      <c r="F2189" s="46">
        <v>30</v>
      </c>
      <c r="G2189" s="46">
        <v>10</v>
      </c>
      <c r="H2189" s="47">
        <v>8.1999999999999993</v>
      </c>
    </row>
    <row r="2190" spans="1:25" ht="21.6" x14ac:dyDescent="0.2">
      <c r="B2190" s="76"/>
      <c r="C2190" s="39" t="s">
        <v>44</v>
      </c>
      <c r="D2190" s="45">
        <v>112</v>
      </c>
      <c r="E2190" s="46">
        <v>65.2</v>
      </c>
      <c r="F2190" s="46">
        <v>26.8</v>
      </c>
      <c r="G2190" s="46">
        <v>9.8000000000000007</v>
      </c>
      <c r="H2190" s="47">
        <v>9.8000000000000007</v>
      </c>
    </row>
    <row r="2191" spans="1:25" ht="21.6" x14ac:dyDescent="0.2">
      <c r="B2191" s="76"/>
      <c r="C2191" s="39" t="s">
        <v>45</v>
      </c>
      <c r="D2191" s="45">
        <v>314</v>
      </c>
      <c r="E2191" s="46">
        <v>64.3</v>
      </c>
      <c r="F2191" s="46">
        <v>27.4</v>
      </c>
      <c r="G2191" s="46">
        <v>16.2</v>
      </c>
      <c r="H2191" s="47">
        <v>7.3</v>
      </c>
    </row>
    <row r="2192" spans="1:25" ht="21.6" x14ac:dyDescent="0.2">
      <c r="B2192" s="76"/>
      <c r="C2192" s="39" t="s">
        <v>46</v>
      </c>
      <c r="D2192" s="45">
        <v>143</v>
      </c>
      <c r="E2192" s="46">
        <v>57.3</v>
      </c>
      <c r="F2192" s="46">
        <v>28.7</v>
      </c>
      <c r="G2192" s="46">
        <v>9.8000000000000007</v>
      </c>
      <c r="H2192" s="47">
        <v>7.7</v>
      </c>
    </row>
    <row r="2193" spans="2:25" ht="21.6" x14ac:dyDescent="0.2">
      <c r="B2193" s="76"/>
      <c r="C2193" s="39" t="s">
        <v>47</v>
      </c>
      <c r="D2193" s="45">
        <v>215</v>
      </c>
      <c r="E2193" s="46">
        <v>67.400000000000006</v>
      </c>
      <c r="F2193" s="46">
        <v>21.9</v>
      </c>
      <c r="G2193" s="46">
        <v>12.6</v>
      </c>
      <c r="H2193" s="47">
        <v>9.8000000000000007</v>
      </c>
    </row>
    <row r="2194" spans="2:25" ht="21.6" x14ac:dyDescent="0.2">
      <c r="B2194" s="76"/>
      <c r="C2194" s="39" t="s">
        <v>48</v>
      </c>
      <c r="D2194" s="45">
        <v>183</v>
      </c>
      <c r="E2194" s="46">
        <v>74.900000000000006</v>
      </c>
      <c r="F2194" s="46">
        <v>21.3</v>
      </c>
      <c r="G2194" s="46">
        <v>13.7</v>
      </c>
      <c r="H2194" s="47">
        <v>5.5</v>
      </c>
    </row>
    <row r="2195" spans="2:25" ht="21.6" x14ac:dyDescent="0.2">
      <c r="B2195" s="76"/>
      <c r="C2195" s="39" t="s">
        <v>49</v>
      </c>
      <c r="D2195" s="45">
        <v>164</v>
      </c>
      <c r="E2195" s="46">
        <v>81.7</v>
      </c>
      <c r="F2195" s="46">
        <v>10.4</v>
      </c>
      <c r="G2195" s="46">
        <v>15.9</v>
      </c>
      <c r="H2195" s="47">
        <v>6.1</v>
      </c>
    </row>
    <row r="2196" spans="2:25" ht="21.6" x14ac:dyDescent="0.2">
      <c r="B2196" s="76"/>
      <c r="C2196" s="39" t="s">
        <v>50</v>
      </c>
      <c r="D2196" s="45">
        <v>92</v>
      </c>
      <c r="E2196" s="46">
        <v>77.2</v>
      </c>
      <c r="F2196" s="46">
        <v>18.5</v>
      </c>
      <c r="G2196" s="46">
        <v>19.600000000000001</v>
      </c>
      <c r="H2196" s="47">
        <v>4.3</v>
      </c>
    </row>
    <row r="2197" spans="2:25" ht="21.6" x14ac:dyDescent="0.2">
      <c r="B2197" s="76"/>
      <c r="C2197" s="39" t="s">
        <v>51</v>
      </c>
      <c r="D2197" s="45">
        <v>105</v>
      </c>
      <c r="E2197" s="46">
        <v>73.3</v>
      </c>
      <c r="F2197" s="46">
        <v>25.7</v>
      </c>
      <c r="G2197" s="46">
        <v>12.4</v>
      </c>
      <c r="H2197" s="47">
        <v>2.9</v>
      </c>
    </row>
    <row r="2198" spans="2:25" ht="21.6" x14ac:dyDescent="0.2">
      <c r="B2198" s="76"/>
      <c r="C2198" s="39" t="s">
        <v>52</v>
      </c>
      <c r="D2198" s="45">
        <v>174</v>
      </c>
      <c r="E2198" s="46">
        <v>72.400000000000006</v>
      </c>
      <c r="F2198" s="46">
        <v>20.7</v>
      </c>
      <c r="G2198" s="46">
        <v>12.6</v>
      </c>
      <c r="H2198" s="47">
        <v>5.2</v>
      </c>
    </row>
    <row r="2199" spans="2:25" x14ac:dyDescent="0.2">
      <c r="B2199" s="76"/>
      <c r="C2199" s="39" t="s">
        <v>53</v>
      </c>
      <c r="D2199" s="45">
        <v>152</v>
      </c>
      <c r="E2199" s="46">
        <v>63.2</v>
      </c>
      <c r="F2199" s="46">
        <v>25.7</v>
      </c>
      <c r="G2199" s="46">
        <v>12.5</v>
      </c>
      <c r="H2199" s="47">
        <v>7.9</v>
      </c>
    </row>
    <row r="2200" spans="2:25" ht="21.6" x14ac:dyDescent="0.2">
      <c r="B2200" s="76"/>
      <c r="C2200" s="39" t="s">
        <v>54</v>
      </c>
      <c r="D2200" s="45">
        <v>279</v>
      </c>
      <c r="E2200" s="46">
        <v>66.3</v>
      </c>
      <c r="F2200" s="46">
        <v>25.1</v>
      </c>
      <c r="G2200" s="46">
        <v>15.4</v>
      </c>
      <c r="H2200" s="47">
        <v>8.1999999999999993</v>
      </c>
    </row>
    <row r="2201" spans="2:25" ht="21.6" x14ac:dyDescent="0.2">
      <c r="B2201" s="76"/>
      <c r="C2201" s="39" t="s">
        <v>55</v>
      </c>
      <c r="D2201" s="45">
        <v>327</v>
      </c>
      <c r="E2201" s="46">
        <v>70.599999999999994</v>
      </c>
      <c r="F2201" s="46">
        <v>24.2</v>
      </c>
      <c r="G2201" s="46">
        <v>12.8</v>
      </c>
      <c r="H2201" s="47">
        <v>5.2</v>
      </c>
    </row>
    <row r="2202" spans="2:25" ht="21.6" x14ac:dyDescent="0.2">
      <c r="B2202" s="76"/>
      <c r="C2202" s="39" t="s">
        <v>56</v>
      </c>
      <c r="D2202" s="45">
        <v>432</v>
      </c>
      <c r="E2202" s="46">
        <v>68.3</v>
      </c>
      <c r="F2202" s="46">
        <v>25.9</v>
      </c>
      <c r="G2202" s="46">
        <v>11.6</v>
      </c>
      <c r="H2202" s="47">
        <v>5.8</v>
      </c>
    </row>
    <row r="2203" spans="2:25" x14ac:dyDescent="0.2">
      <c r="B2203" s="76"/>
      <c r="C2203" s="40" t="s">
        <v>57</v>
      </c>
      <c r="D2203" s="48">
        <v>438</v>
      </c>
      <c r="E2203" s="49">
        <v>73.7</v>
      </c>
      <c r="F2203" s="49">
        <v>17.8</v>
      </c>
      <c r="G2203" s="49">
        <v>16.2</v>
      </c>
      <c r="H2203" s="50">
        <v>6.6</v>
      </c>
    </row>
    <row r="2204" spans="2:25" x14ac:dyDescent="0.2">
      <c r="B2204" s="7" t="s">
        <v>71</v>
      </c>
      <c r="C2204" s="4" t="s">
        <v>145</v>
      </c>
    </row>
    <row r="2205" spans="2:25" x14ac:dyDescent="0.2">
      <c r="B2205" s="4"/>
      <c r="C2205" s="4" t="s">
        <v>73</v>
      </c>
    </row>
    <row r="2207" spans="2:25" x14ac:dyDescent="0.2">
      <c r="C2207" t="s">
        <v>35</v>
      </c>
    </row>
    <row r="2208" spans="2:25" x14ac:dyDescent="0.2">
      <c r="B2208" s="74" t="s">
        <v>220</v>
      </c>
      <c r="C2208" s="75"/>
      <c r="D2208" s="75"/>
      <c r="E2208" s="75"/>
      <c r="F2208" s="75"/>
      <c r="G2208" s="75"/>
      <c r="H2208" s="75"/>
      <c r="I2208" s="75"/>
      <c r="J2208" s="75"/>
      <c r="K2208" s="75"/>
      <c r="L2208" s="75"/>
      <c r="M2208" s="75"/>
      <c r="N2208" s="75"/>
      <c r="O2208" s="75"/>
      <c r="P2208" s="75"/>
      <c r="Q2208" s="75"/>
      <c r="R2208" s="75"/>
      <c r="S2208" s="75"/>
      <c r="T2208" s="75"/>
      <c r="U2208" s="75"/>
      <c r="V2208" s="75"/>
      <c r="W2208" s="75"/>
      <c r="X2208" s="75"/>
      <c r="Y2208" s="75"/>
    </row>
    <row r="2209" spans="1:9" s="32" customFormat="1" ht="47.25" customHeight="1" x14ac:dyDescent="0.15">
      <c r="A2209" s="31"/>
      <c r="D2209" s="33" t="s">
        <v>242</v>
      </c>
      <c r="E2209" s="35" t="s">
        <v>372</v>
      </c>
      <c r="F2209" s="36" t="s">
        <v>368</v>
      </c>
      <c r="G2209" s="36" t="s">
        <v>369</v>
      </c>
      <c r="H2209" s="37" t="s">
        <v>264</v>
      </c>
      <c r="I2209" s="34" t="s">
        <v>251</v>
      </c>
    </row>
    <row r="2210" spans="1:9" ht="21.6" x14ac:dyDescent="0.2">
      <c r="B2210" s="76" t="s">
        <v>37</v>
      </c>
      <c r="C2210" s="38" t="s">
        <v>58</v>
      </c>
      <c r="D2210" s="51">
        <v>314</v>
      </c>
      <c r="E2210" s="52">
        <v>68.2</v>
      </c>
      <c r="F2210" s="52">
        <v>26.8</v>
      </c>
      <c r="G2210" s="52">
        <v>9.1999999999999993</v>
      </c>
      <c r="H2210" s="53">
        <v>7</v>
      </c>
    </row>
    <row r="2211" spans="1:9" ht="21.6" x14ac:dyDescent="0.2">
      <c r="B2211" s="76"/>
      <c r="C2211" s="39" t="s">
        <v>59</v>
      </c>
      <c r="D2211" s="45">
        <v>792</v>
      </c>
      <c r="E2211" s="46">
        <v>65.2</v>
      </c>
      <c r="F2211" s="46">
        <v>25.6</v>
      </c>
      <c r="G2211" s="46">
        <v>14.5</v>
      </c>
      <c r="H2211" s="47">
        <v>7.8</v>
      </c>
    </row>
    <row r="2212" spans="1:9" x14ac:dyDescent="0.2">
      <c r="B2212" s="76"/>
      <c r="C2212" s="39" t="s">
        <v>60</v>
      </c>
      <c r="D2212" s="45">
        <v>716</v>
      </c>
      <c r="E2212" s="46">
        <v>66.8</v>
      </c>
      <c r="F2212" s="46">
        <v>25</v>
      </c>
      <c r="G2212" s="46">
        <v>11.3</v>
      </c>
      <c r="H2212" s="47">
        <v>7.7</v>
      </c>
    </row>
    <row r="2213" spans="1:9" x14ac:dyDescent="0.2">
      <c r="B2213" s="76"/>
      <c r="C2213" s="39" t="s">
        <v>61</v>
      </c>
      <c r="D2213" s="45">
        <v>390</v>
      </c>
      <c r="E2213" s="46">
        <v>64.599999999999994</v>
      </c>
      <c r="F2213" s="46">
        <v>27.7</v>
      </c>
      <c r="G2213" s="46">
        <v>16.2</v>
      </c>
      <c r="H2213" s="47">
        <v>7.4</v>
      </c>
    </row>
    <row r="2214" spans="1:9" x14ac:dyDescent="0.2">
      <c r="B2214" s="76"/>
      <c r="C2214" s="39" t="s">
        <v>62</v>
      </c>
      <c r="D2214" s="45">
        <v>541</v>
      </c>
      <c r="E2214" s="46">
        <v>65.400000000000006</v>
      </c>
      <c r="F2214" s="46">
        <v>28.8</v>
      </c>
      <c r="G2214" s="46">
        <v>12.6</v>
      </c>
      <c r="H2214" s="47">
        <v>6.3</v>
      </c>
    </row>
    <row r="2215" spans="1:9" ht="21.6" x14ac:dyDescent="0.2">
      <c r="B2215" s="76"/>
      <c r="C2215" s="39" t="s">
        <v>63</v>
      </c>
      <c r="D2215" s="45">
        <v>110</v>
      </c>
      <c r="E2215" s="46">
        <v>14.5</v>
      </c>
      <c r="F2215" s="46">
        <v>81.8</v>
      </c>
      <c r="G2215" s="46">
        <v>0.9</v>
      </c>
      <c r="H2215" s="47">
        <v>12.7</v>
      </c>
    </row>
    <row r="2216" spans="1:9" x14ac:dyDescent="0.2">
      <c r="B2216" s="76"/>
      <c r="C2216" s="39" t="s">
        <v>64</v>
      </c>
      <c r="D2216" s="45">
        <v>120</v>
      </c>
      <c r="E2216" s="46">
        <v>65.8</v>
      </c>
      <c r="F2216" s="46">
        <v>28.3</v>
      </c>
      <c r="G2216" s="46">
        <v>1.7</v>
      </c>
      <c r="H2216" s="47">
        <v>9.1999999999999993</v>
      </c>
    </row>
    <row r="2217" spans="1:9" x14ac:dyDescent="0.2">
      <c r="B2217" s="76"/>
      <c r="C2217" s="39" t="s">
        <v>65</v>
      </c>
      <c r="D2217" s="45">
        <v>153</v>
      </c>
      <c r="E2217" s="46">
        <v>81</v>
      </c>
      <c r="F2217" s="46">
        <v>17.600000000000001</v>
      </c>
      <c r="G2217" s="46">
        <v>5.9</v>
      </c>
      <c r="H2217" s="47">
        <v>3.9</v>
      </c>
    </row>
    <row r="2218" spans="1:9" x14ac:dyDescent="0.2">
      <c r="B2218" s="76"/>
      <c r="C2218" s="39" t="s">
        <v>66</v>
      </c>
      <c r="D2218" s="45">
        <v>123</v>
      </c>
      <c r="E2218" s="46">
        <v>87</v>
      </c>
      <c r="F2218" s="46">
        <v>3.3</v>
      </c>
      <c r="G2218" s="46">
        <v>32.5</v>
      </c>
      <c r="H2218" s="47">
        <v>2.4</v>
      </c>
    </row>
    <row r="2219" spans="1:9" x14ac:dyDescent="0.2">
      <c r="B2219" s="76"/>
      <c r="C2219" s="39" t="s">
        <v>67</v>
      </c>
      <c r="D2219" s="45">
        <v>35</v>
      </c>
      <c r="E2219" s="46">
        <v>80</v>
      </c>
      <c r="F2219" s="46">
        <v>2.9</v>
      </c>
      <c r="G2219" s="46">
        <v>45.7</v>
      </c>
      <c r="H2219" s="47">
        <v>0</v>
      </c>
    </row>
    <row r="2220" spans="1:9" x14ac:dyDescent="0.2">
      <c r="B2220" s="76"/>
      <c r="C2220" s="39" t="s">
        <v>68</v>
      </c>
      <c r="D2220" s="45">
        <v>450</v>
      </c>
      <c r="E2220" s="46">
        <v>73.599999999999994</v>
      </c>
      <c r="F2220" s="46">
        <v>21.8</v>
      </c>
      <c r="G2220" s="46">
        <v>12.7</v>
      </c>
      <c r="H2220" s="47">
        <v>4.7</v>
      </c>
    </row>
    <row r="2221" spans="1:9" x14ac:dyDescent="0.2">
      <c r="B2221" s="76"/>
      <c r="C2221" s="39" t="s">
        <v>69</v>
      </c>
      <c r="D2221" s="45">
        <v>91</v>
      </c>
      <c r="E2221" s="46">
        <v>25.3</v>
      </c>
      <c r="F2221" s="46">
        <v>63.7</v>
      </c>
      <c r="G2221" s="46">
        <v>12.1</v>
      </c>
      <c r="H2221" s="47">
        <v>14.3</v>
      </c>
    </row>
    <row r="2222" spans="1:9" x14ac:dyDescent="0.2">
      <c r="B2222" s="76"/>
      <c r="C2222" s="39" t="s">
        <v>70</v>
      </c>
      <c r="D2222" s="45">
        <v>565</v>
      </c>
      <c r="E2222" s="46">
        <v>66.5</v>
      </c>
      <c r="F2222" s="46">
        <v>23.2</v>
      </c>
      <c r="G2222" s="46">
        <v>13.5</v>
      </c>
      <c r="H2222" s="47">
        <v>8.8000000000000007</v>
      </c>
    </row>
    <row r="2223" spans="1:9" ht="21.6" x14ac:dyDescent="0.2">
      <c r="B2223" s="76"/>
      <c r="C2223" s="39" t="s">
        <v>63</v>
      </c>
      <c r="D2223" s="45">
        <v>115</v>
      </c>
      <c r="E2223" s="46">
        <v>27</v>
      </c>
      <c r="F2223" s="46">
        <v>62.6</v>
      </c>
      <c r="G2223" s="46">
        <v>0.9</v>
      </c>
      <c r="H2223" s="47">
        <v>17.399999999999999</v>
      </c>
    </row>
    <row r="2224" spans="1:9" x14ac:dyDescent="0.2">
      <c r="B2224" s="76"/>
      <c r="C2224" s="39" t="s">
        <v>64</v>
      </c>
      <c r="D2224" s="45">
        <v>127</v>
      </c>
      <c r="E2224" s="46">
        <v>70.900000000000006</v>
      </c>
      <c r="F2224" s="46">
        <v>22.8</v>
      </c>
      <c r="G2224" s="46">
        <v>1.6</v>
      </c>
      <c r="H2224" s="47">
        <v>10.199999999999999</v>
      </c>
    </row>
    <row r="2225" spans="1:25" x14ac:dyDescent="0.2">
      <c r="B2225" s="76"/>
      <c r="C2225" s="39" t="s">
        <v>65</v>
      </c>
      <c r="D2225" s="45">
        <v>152</v>
      </c>
      <c r="E2225" s="46">
        <v>78.900000000000006</v>
      </c>
      <c r="F2225" s="46">
        <v>13.8</v>
      </c>
      <c r="G2225" s="46">
        <v>11.2</v>
      </c>
      <c r="H2225" s="47">
        <v>3.9</v>
      </c>
    </row>
    <row r="2226" spans="1:25" x14ac:dyDescent="0.2">
      <c r="B2226" s="76"/>
      <c r="C2226" s="39" t="s">
        <v>66</v>
      </c>
      <c r="D2226" s="45">
        <v>137</v>
      </c>
      <c r="E2226" s="46">
        <v>77.400000000000006</v>
      </c>
      <c r="F2226" s="46">
        <v>5.8</v>
      </c>
      <c r="G2226" s="46">
        <v>33.6</v>
      </c>
      <c r="H2226" s="47">
        <v>7.3</v>
      </c>
    </row>
    <row r="2227" spans="1:25" x14ac:dyDescent="0.2">
      <c r="B2227" s="76"/>
      <c r="C2227" s="39" t="s">
        <v>67</v>
      </c>
      <c r="D2227" s="45">
        <v>34</v>
      </c>
      <c r="E2227" s="46">
        <v>85.3</v>
      </c>
      <c r="F2227" s="46">
        <v>2.9</v>
      </c>
      <c r="G2227" s="46">
        <v>29.4</v>
      </c>
      <c r="H2227" s="47">
        <v>2.9</v>
      </c>
    </row>
    <row r="2228" spans="1:25" x14ac:dyDescent="0.2">
      <c r="B2228" s="76"/>
      <c r="C2228" s="39" t="s">
        <v>68</v>
      </c>
      <c r="D2228" s="45">
        <v>212</v>
      </c>
      <c r="E2228" s="46">
        <v>59</v>
      </c>
      <c r="F2228" s="46">
        <v>31.6</v>
      </c>
      <c r="G2228" s="46">
        <v>8</v>
      </c>
      <c r="H2228" s="47">
        <v>10.4</v>
      </c>
    </row>
    <row r="2229" spans="1:25" x14ac:dyDescent="0.2">
      <c r="B2229" s="76"/>
      <c r="C2229" s="40" t="s">
        <v>69</v>
      </c>
      <c r="D2229" s="48">
        <v>353</v>
      </c>
      <c r="E2229" s="49">
        <v>71.099999999999994</v>
      </c>
      <c r="F2229" s="49">
        <v>18.100000000000001</v>
      </c>
      <c r="G2229" s="49">
        <v>16.7</v>
      </c>
      <c r="H2229" s="50">
        <v>7.9</v>
      </c>
    </row>
    <row r="2230" spans="1:25" x14ac:dyDescent="0.2">
      <c r="B2230" s="7" t="s">
        <v>71</v>
      </c>
      <c r="C2230" s="4" t="s">
        <v>145</v>
      </c>
    </row>
    <row r="2231" spans="1:25" x14ac:dyDescent="0.2">
      <c r="B2231" s="4"/>
      <c r="C2231" s="4" t="s">
        <v>73</v>
      </c>
    </row>
    <row r="2233" spans="1:25" x14ac:dyDescent="0.2">
      <c r="A2233" s="26" t="s">
        <v>25</v>
      </c>
      <c r="B2233" t="s">
        <v>35</v>
      </c>
      <c r="C2233" t="s">
        <v>35</v>
      </c>
    </row>
    <row r="2234" spans="1:25" x14ac:dyDescent="0.2">
      <c r="B2234" s="74" t="s">
        <v>146</v>
      </c>
      <c r="C2234" s="75"/>
      <c r="D2234" s="75"/>
      <c r="E2234" s="75"/>
      <c r="F2234" s="75"/>
      <c r="G2234" s="75"/>
      <c r="H2234" s="75"/>
      <c r="I2234" s="75"/>
      <c r="J2234" s="75"/>
      <c r="K2234" s="75"/>
      <c r="L2234" s="75"/>
      <c r="M2234" s="75"/>
      <c r="N2234" s="75"/>
      <c r="O2234" s="75"/>
      <c r="P2234" s="75"/>
      <c r="Q2234" s="75"/>
      <c r="R2234" s="75"/>
      <c r="S2234" s="75"/>
      <c r="T2234" s="75"/>
      <c r="U2234" s="75"/>
      <c r="V2234" s="75"/>
      <c r="W2234" s="75"/>
      <c r="X2234" s="75"/>
      <c r="Y2234" s="75"/>
    </row>
    <row r="2235" spans="1:25" s="32" customFormat="1" ht="47.25" customHeight="1" x14ac:dyDescent="0.15">
      <c r="A2235" s="31"/>
      <c r="D2235" s="33" t="s">
        <v>242</v>
      </c>
      <c r="E2235" s="35" t="s">
        <v>373</v>
      </c>
      <c r="F2235" s="36" t="s">
        <v>374</v>
      </c>
      <c r="G2235" s="36" t="s">
        <v>375</v>
      </c>
      <c r="H2235" s="36" t="s">
        <v>376</v>
      </c>
      <c r="I2235" s="36" t="s">
        <v>377</v>
      </c>
      <c r="J2235" s="36" t="s">
        <v>378</v>
      </c>
      <c r="K2235" s="36" t="s">
        <v>379</v>
      </c>
      <c r="L2235" s="36" t="s">
        <v>380</v>
      </c>
      <c r="M2235" s="36" t="s">
        <v>381</v>
      </c>
      <c r="N2235" s="36" t="s">
        <v>264</v>
      </c>
      <c r="O2235" s="37" t="s">
        <v>276</v>
      </c>
      <c r="P2235" s="34" t="s">
        <v>251</v>
      </c>
    </row>
    <row r="2236" spans="1:25" x14ac:dyDescent="0.2">
      <c r="B2236" s="5"/>
      <c r="C2236" s="41" t="s">
        <v>38</v>
      </c>
      <c r="D2236" s="42">
        <v>730</v>
      </c>
      <c r="E2236" s="43">
        <v>61</v>
      </c>
      <c r="F2236" s="43">
        <v>20.5</v>
      </c>
      <c r="G2236" s="43">
        <v>3</v>
      </c>
      <c r="H2236" s="43">
        <v>4.2</v>
      </c>
      <c r="I2236" s="43">
        <v>1.8</v>
      </c>
      <c r="J2236" s="43">
        <v>0.8</v>
      </c>
      <c r="K2236" s="43">
        <v>1.8</v>
      </c>
      <c r="L2236" s="43">
        <v>5.8</v>
      </c>
      <c r="M2236" s="43">
        <v>0.4</v>
      </c>
      <c r="N2236" s="43">
        <v>0.3</v>
      </c>
      <c r="O2236" s="44">
        <v>0.4</v>
      </c>
    </row>
    <row r="2237" spans="1:25" x14ac:dyDescent="0.2">
      <c r="B2237" s="76" t="s">
        <v>37</v>
      </c>
      <c r="C2237" s="39" t="s">
        <v>39</v>
      </c>
      <c r="D2237" s="45">
        <v>36</v>
      </c>
      <c r="E2237" s="46">
        <v>58.3</v>
      </c>
      <c r="F2237" s="46">
        <v>25</v>
      </c>
      <c r="G2237" s="46">
        <v>2.8</v>
      </c>
      <c r="H2237" s="46">
        <v>0</v>
      </c>
      <c r="I2237" s="46">
        <v>0</v>
      </c>
      <c r="J2237" s="46">
        <v>0</v>
      </c>
      <c r="K2237" s="46">
        <v>2.8</v>
      </c>
      <c r="L2237" s="46">
        <v>8.3000000000000007</v>
      </c>
      <c r="M2237" s="46">
        <v>2.8</v>
      </c>
      <c r="N2237" s="46">
        <v>0</v>
      </c>
      <c r="O2237" s="47">
        <v>0</v>
      </c>
    </row>
    <row r="2238" spans="1:25" x14ac:dyDescent="0.2">
      <c r="B2238" s="76"/>
      <c r="C2238" s="39" t="s">
        <v>40</v>
      </c>
      <c r="D2238" s="45">
        <v>155</v>
      </c>
      <c r="E2238" s="46">
        <v>49.7</v>
      </c>
      <c r="F2238" s="46">
        <v>30.3</v>
      </c>
      <c r="G2238" s="46">
        <v>4.5</v>
      </c>
      <c r="H2238" s="46">
        <v>4.5</v>
      </c>
      <c r="I2238" s="46">
        <v>3.2</v>
      </c>
      <c r="J2238" s="46">
        <v>0.6</v>
      </c>
      <c r="K2238" s="46">
        <v>0.6</v>
      </c>
      <c r="L2238" s="46">
        <v>6.5</v>
      </c>
      <c r="M2238" s="46">
        <v>0</v>
      </c>
      <c r="N2238" s="46">
        <v>0</v>
      </c>
      <c r="O2238" s="47">
        <v>0</v>
      </c>
    </row>
    <row r="2239" spans="1:25" ht="21.6" x14ac:dyDescent="0.2">
      <c r="B2239" s="76"/>
      <c r="C2239" s="39" t="s">
        <v>41</v>
      </c>
      <c r="D2239" s="45">
        <v>11</v>
      </c>
      <c r="E2239" s="46">
        <v>54.5</v>
      </c>
      <c r="F2239" s="46">
        <v>36.4</v>
      </c>
      <c r="G2239" s="46">
        <v>0</v>
      </c>
      <c r="H2239" s="46">
        <v>9.1</v>
      </c>
      <c r="I2239" s="46">
        <v>0</v>
      </c>
      <c r="J2239" s="46">
        <v>0</v>
      </c>
      <c r="K2239" s="46">
        <v>0</v>
      </c>
      <c r="L2239" s="46">
        <v>0</v>
      </c>
      <c r="M2239" s="46">
        <v>0</v>
      </c>
      <c r="N2239" s="46">
        <v>0</v>
      </c>
      <c r="O2239" s="47">
        <v>0</v>
      </c>
    </row>
    <row r="2240" spans="1:25" ht="21.6" x14ac:dyDescent="0.2">
      <c r="B2240" s="76"/>
      <c r="C2240" s="39" t="s">
        <v>42</v>
      </c>
      <c r="D2240" s="45">
        <v>113</v>
      </c>
      <c r="E2240" s="46">
        <v>56.6</v>
      </c>
      <c r="F2240" s="46">
        <v>26.5</v>
      </c>
      <c r="G2240" s="46">
        <v>5.3</v>
      </c>
      <c r="H2240" s="46">
        <v>6.2</v>
      </c>
      <c r="I2240" s="46">
        <v>1.8</v>
      </c>
      <c r="J2240" s="46">
        <v>0.9</v>
      </c>
      <c r="K2240" s="46">
        <v>1.8</v>
      </c>
      <c r="L2240" s="46">
        <v>0.9</v>
      </c>
      <c r="M2240" s="46">
        <v>0</v>
      </c>
      <c r="N2240" s="46">
        <v>0</v>
      </c>
      <c r="O2240" s="47">
        <v>0</v>
      </c>
    </row>
    <row r="2241" spans="2:15" ht="21.6" x14ac:dyDescent="0.2">
      <c r="B2241" s="76"/>
      <c r="C2241" s="39" t="s">
        <v>43</v>
      </c>
      <c r="D2241" s="45">
        <v>140</v>
      </c>
      <c r="E2241" s="46">
        <v>70.7</v>
      </c>
      <c r="F2241" s="46">
        <v>10</v>
      </c>
      <c r="G2241" s="46">
        <v>2.1</v>
      </c>
      <c r="H2241" s="46">
        <v>5</v>
      </c>
      <c r="I2241" s="46">
        <v>2.1</v>
      </c>
      <c r="J2241" s="46">
        <v>1.4</v>
      </c>
      <c r="K2241" s="46">
        <v>2.9</v>
      </c>
      <c r="L2241" s="46">
        <v>4.3</v>
      </c>
      <c r="M2241" s="46">
        <v>0.7</v>
      </c>
      <c r="N2241" s="46">
        <v>0</v>
      </c>
      <c r="O2241" s="47">
        <v>0.7</v>
      </c>
    </row>
    <row r="2242" spans="2:15" ht="21.6" x14ac:dyDescent="0.2">
      <c r="B2242" s="76"/>
      <c r="C2242" s="39" t="s">
        <v>44</v>
      </c>
      <c r="D2242" s="45">
        <v>73</v>
      </c>
      <c r="E2242" s="46">
        <v>65.8</v>
      </c>
      <c r="F2242" s="46">
        <v>20.5</v>
      </c>
      <c r="G2242" s="46">
        <v>1.4</v>
      </c>
      <c r="H2242" s="46">
        <v>2.7</v>
      </c>
      <c r="I2242" s="46">
        <v>1.4</v>
      </c>
      <c r="J2242" s="46">
        <v>0</v>
      </c>
      <c r="K2242" s="46">
        <v>0</v>
      </c>
      <c r="L2242" s="46">
        <v>8.1999999999999993</v>
      </c>
      <c r="M2242" s="46">
        <v>0</v>
      </c>
      <c r="N2242" s="46">
        <v>0</v>
      </c>
      <c r="O2242" s="47">
        <v>0</v>
      </c>
    </row>
    <row r="2243" spans="2:15" ht="21.6" x14ac:dyDescent="0.2">
      <c r="B2243" s="76"/>
      <c r="C2243" s="39" t="s">
        <v>45</v>
      </c>
      <c r="D2243" s="45">
        <v>202</v>
      </c>
      <c r="E2243" s="46">
        <v>64.400000000000006</v>
      </c>
      <c r="F2243" s="46">
        <v>15.3</v>
      </c>
      <c r="G2243" s="46">
        <v>2</v>
      </c>
      <c r="H2243" s="46">
        <v>3.5</v>
      </c>
      <c r="I2243" s="46">
        <v>1</v>
      </c>
      <c r="J2243" s="46">
        <v>1</v>
      </c>
      <c r="K2243" s="46">
        <v>2.5</v>
      </c>
      <c r="L2243" s="46">
        <v>7.9</v>
      </c>
      <c r="M2243" s="46">
        <v>0.5</v>
      </c>
      <c r="N2243" s="46">
        <v>1</v>
      </c>
      <c r="O2243" s="47">
        <v>1</v>
      </c>
    </row>
    <row r="2244" spans="2:15" ht="21.6" x14ac:dyDescent="0.2">
      <c r="B2244" s="76"/>
      <c r="C2244" s="39" t="s">
        <v>46</v>
      </c>
      <c r="D2244" s="45">
        <v>82</v>
      </c>
      <c r="E2244" s="46">
        <v>52.4</v>
      </c>
      <c r="F2244" s="46">
        <v>23.2</v>
      </c>
      <c r="G2244" s="46">
        <v>7.3</v>
      </c>
      <c r="H2244" s="46">
        <v>3.7</v>
      </c>
      <c r="I2244" s="46">
        <v>2.4</v>
      </c>
      <c r="J2244" s="46">
        <v>0</v>
      </c>
      <c r="K2244" s="46">
        <v>2.4</v>
      </c>
      <c r="L2244" s="46">
        <v>8.5</v>
      </c>
      <c r="M2244" s="46">
        <v>0</v>
      </c>
      <c r="N2244" s="46">
        <v>0</v>
      </c>
      <c r="O2244" s="47">
        <v>0</v>
      </c>
    </row>
    <row r="2245" spans="2:15" ht="21.6" x14ac:dyDescent="0.2">
      <c r="B2245" s="76"/>
      <c r="C2245" s="39" t="s">
        <v>47</v>
      </c>
      <c r="D2245" s="45">
        <v>145</v>
      </c>
      <c r="E2245" s="46">
        <v>49.7</v>
      </c>
      <c r="F2245" s="46">
        <v>23.4</v>
      </c>
      <c r="G2245" s="46">
        <v>4.8</v>
      </c>
      <c r="H2245" s="46">
        <v>6.9</v>
      </c>
      <c r="I2245" s="46">
        <v>4.0999999999999996</v>
      </c>
      <c r="J2245" s="46">
        <v>0.7</v>
      </c>
      <c r="K2245" s="46">
        <v>1.4</v>
      </c>
      <c r="L2245" s="46">
        <v>6.9</v>
      </c>
      <c r="M2245" s="46">
        <v>1.4</v>
      </c>
      <c r="N2245" s="46">
        <v>0</v>
      </c>
      <c r="O2245" s="47">
        <v>0.7</v>
      </c>
    </row>
    <row r="2246" spans="2:15" ht="21.6" x14ac:dyDescent="0.2">
      <c r="B2246" s="76"/>
      <c r="C2246" s="39" t="s">
        <v>48</v>
      </c>
      <c r="D2246" s="45">
        <v>137</v>
      </c>
      <c r="E2246" s="46">
        <v>59.9</v>
      </c>
      <c r="F2246" s="46">
        <v>24.8</v>
      </c>
      <c r="G2246" s="46">
        <v>2.2000000000000002</v>
      </c>
      <c r="H2246" s="46">
        <v>2.9</v>
      </c>
      <c r="I2246" s="46">
        <v>0</v>
      </c>
      <c r="J2246" s="46">
        <v>1.5</v>
      </c>
      <c r="K2246" s="46">
        <v>0</v>
      </c>
      <c r="L2246" s="46">
        <v>7.3</v>
      </c>
      <c r="M2246" s="46">
        <v>0.7</v>
      </c>
      <c r="N2246" s="46">
        <v>0.7</v>
      </c>
      <c r="O2246" s="47">
        <v>0</v>
      </c>
    </row>
    <row r="2247" spans="2:15" ht="21.6" x14ac:dyDescent="0.2">
      <c r="B2247" s="76"/>
      <c r="C2247" s="39" t="s">
        <v>49</v>
      </c>
      <c r="D2247" s="45">
        <v>134</v>
      </c>
      <c r="E2247" s="46">
        <v>61.9</v>
      </c>
      <c r="F2247" s="46">
        <v>20.9</v>
      </c>
      <c r="G2247" s="46">
        <v>2.2000000000000002</v>
      </c>
      <c r="H2247" s="46">
        <v>6</v>
      </c>
      <c r="I2247" s="46">
        <v>3</v>
      </c>
      <c r="J2247" s="46">
        <v>1.5</v>
      </c>
      <c r="K2247" s="46">
        <v>0</v>
      </c>
      <c r="L2247" s="46">
        <v>4.5</v>
      </c>
      <c r="M2247" s="46">
        <v>0</v>
      </c>
      <c r="N2247" s="46">
        <v>0</v>
      </c>
      <c r="O2247" s="47">
        <v>0</v>
      </c>
    </row>
    <row r="2248" spans="2:15" ht="21.6" x14ac:dyDescent="0.2">
      <c r="B2248" s="76"/>
      <c r="C2248" s="39" t="s">
        <v>50</v>
      </c>
      <c r="D2248" s="45">
        <v>71</v>
      </c>
      <c r="E2248" s="46">
        <v>69</v>
      </c>
      <c r="F2248" s="46">
        <v>21.1</v>
      </c>
      <c r="G2248" s="46">
        <v>0</v>
      </c>
      <c r="H2248" s="46">
        <v>2.8</v>
      </c>
      <c r="I2248" s="46">
        <v>0</v>
      </c>
      <c r="J2248" s="46">
        <v>1.4</v>
      </c>
      <c r="K2248" s="46">
        <v>4.2</v>
      </c>
      <c r="L2248" s="46">
        <v>1.4</v>
      </c>
      <c r="M2248" s="46">
        <v>0</v>
      </c>
      <c r="N2248" s="46">
        <v>0</v>
      </c>
      <c r="O2248" s="47">
        <v>0</v>
      </c>
    </row>
    <row r="2249" spans="2:15" ht="21.6" x14ac:dyDescent="0.2">
      <c r="B2249" s="76"/>
      <c r="C2249" s="39" t="s">
        <v>51</v>
      </c>
      <c r="D2249" s="45">
        <v>77</v>
      </c>
      <c r="E2249" s="46">
        <v>77.900000000000006</v>
      </c>
      <c r="F2249" s="46">
        <v>10.4</v>
      </c>
      <c r="G2249" s="46">
        <v>1.3</v>
      </c>
      <c r="H2249" s="46">
        <v>1.3</v>
      </c>
      <c r="I2249" s="46">
        <v>0</v>
      </c>
      <c r="J2249" s="46">
        <v>0</v>
      </c>
      <c r="K2249" s="46">
        <v>5.2</v>
      </c>
      <c r="L2249" s="46">
        <v>3.9</v>
      </c>
      <c r="M2249" s="46">
        <v>0</v>
      </c>
      <c r="N2249" s="46">
        <v>0</v>
      </c>
      <c r="O2249" s="47">
        <v>0</v>
      </c>
    </row>
    <row r="2250" spans="2:15" ht="21.6" x14ac:dyDescent="0.2">
      <c r="B2250" s="76"/>
      <c r="C2250" s="39" t="s">
        <v>52</v>
      </c>
      <c r="D2250" s="45">
        <v>126</v>
      </c>
      <c r="E2250" s="46">
        <v>57.9</v>
      </c>
      <c r="F2250" s="46">
        <v>21.4</v>
      </c>
      <c r="G2250" s="46">
        <v>4</v>
      </c>
      <c r="H2250" s="46">
        <v>4</v>
      </c>
      <c r="I2250" s="46">
        <v>0.8</v>
      </c>
      <c r="J2250" s="46">
        <v>0.8</v>
      </c>
      <c r="K2250" s="46">
        <v>2.4</v>
      </c>
      <c r="L2250" s="46">
        <v>6.3</v>
      </c>
      <c r="M2250" s="46">
        <v>1.6</v>
      </c>
      <c r="N2250" s="46">
        <v>0.8</v>
      </c>
      <c r="O2250" s="47">
        <v>0</v>
      </c>
    </row>
    <row r="2251" spans="2:15" x14ac:dyDescent="0.2">
      <c r="B2251" s="76"/>
      <c r="C2251" s="39" t="s">
        <v>53</v>
      </c>
      <c r="D2251" s="45">
        <v>96</v>
      </c>
      <c r="E2251" s="46">
        <v>57.3</v>
      </c>
      <c r="F2251" s="46">
        <v>22.9</v>
      </c>
      <c r="G2251" s="46">
        <v>3.1</v>
      </c>
      <c r="H2251" s="46">
        <v>2.1</v>
      </c>
      <c r="I2251" s="46">
        <v>2.1</v>
      </c>
      <c r="J2251" s="46">
        <v>1</v>
      </c>
      <c r="K2251" s="46">
        <v>4.2</v>
      </c>
      <c r="L2251" s="46">
        <v>7.3</v>
      </c>
      <c r="M2251" s="46">
        <v>0</v>
      </c>
      <c r="N2251" s="46">
        <v>0</v>
      </c>
      <c r="O2251" s="47">
        <v>0</v>
      </c>
    </row>
    <row r="2252" spans="2:15" ht="21.6" x14ac:dyDescent="0.2">
      <c r="B2252" s="76"/>
      <c r="C2252" s="39" t="s">
        <v>54</v>
      </c>
      <c r="D2252" s="45">
        <v>185</v>
      </c>
      <c r="E2252" s="46">
        <v>61.1</v>
      </c>
      <c r="F2252" s="46">
        <v>20.5</v>
      </c>
      <c r="G2252" s="46">
        <v>2.7</v>
      </c>
      <c r="H2252" s="46">
        <v>4.3</v>
      </c>
      <c r="I2252" s="46">
        <v>2.7</v>
      </c>
      <c r="J2252" s="46">
        <v>0.5</v>
      </c>
      <c r="K2252" s="46">
        <v>1.1000000000000001</v>
      </c>
      <c r="L2252" s="46">
        <v>6.5</v>
      </c>
      <c r="M2252" s="46">
        <v>0.5</v>
      </c>
      <c r="N2252" s="46">
        <v>0</v>
      </c>
      <c r="O2252" s="47">
        <v>0</v>
      </c>
    </row>
    <row r="2253" spans="2:15" ht="21.6" x14ac:dyDescent="0.2">
      <c r="B2253" s="76"/>
      <c r="C2253" s="39" t="s">
        <v>55</v>
      </c>
      <c r="D2253" s="45">
        <v>231</v>
      </c>
      <c r="E2253" s="46">
        <v>59.3</v>
      </c>
      <c r="F2253" s="46">
        <v>24.2</v>
      </c>
      <c r="G2253" s="46">
        <v>3.5</v>
      </c>
      <c r="H2253" s="46">
        <v>5.6</v>
      </c>
      <c r="I2253" s="46">
        <v>1.3</v>
      </c>
      <c r="J2253" s="46">
        <v>0.9</v>
      </c>
      <c r="K2253" s="46">
        <v>1.3</v>
      </c>
      <c r="L2253" s="46">
        <v>3</v>
      </c>
      <c r="M2253" s="46">
        <v>0</v>
      </c>
      <c r="N2253" s="46">
        <v>0.4</v>
      </c>
      <c r="O2253" s="47">
        <v>0.4</v>
      </c>
    </row>
    <row r="2254" spans="2:15" ht="21.6" x14ac:dyDescent="0.2">
      <c r="B2254" s="76"/>
      <c r="C2254" s="39" t="s">
        <v>56</v>
      </c>
      <c r="D2254" s="45">
        <v>295</v>
      </c>
      <c r="E2254" s="46">
        <v>60</v>
      </c>
      <c r="F2254" s="46">
        <v>25.8</v>
      </c>
      <c r="G2254" s="46">
        <v>2.4</v>
      </c>
      <c r="H2254" s="46">
        <v>4.0999999999999996</v>
      </c>
      <c r="I2254" s="46">
        <v>0.7</v>
      </c>
      <c r="J2254" s="46">
        <v>0.7</v>
      </c>
      <c r="K2254" s="46">
        <v>1</v>
      </c>
      <c r="L2254" s="46">
        <v>4.7</v>
      </c>
      <c r="M2254" s="46">
        <v>0</v>
      </c>
      <c r="N2254" s="46">
        <v>0</v>
      </c>
      <c r="O2254" s="47">
        <v>0.7</v>
      </c>
    </row>
    <row r="2255" spans="2:15" x14ac:dyDescent="0.2">
      <c r="B2255" s="76"/>
      <c r="C2255" s="40" t="s">
        <v>57</v>
      </c>
      <c r="D2255" s="48">
        <v>323</v>
      </c>
      <c r="E2255" s="49">
        <v>57.9</v>
      </c>
      <c r="F2255" s="49">
        <v>19.5</v>
      </c>
      <c r="G2255" s="49">
        <v>4.3</v>
      </c>
      <c r="H2255" s="49">
        <v>5</v>
      </c>
      <c r="I2255" s="49">
        <v>2.2000000000000002</v>
      </c>
      <c r="J2255" s="49">
        <v>0.9</v>
      </c>
      <c r="K2255" s="49">
        <v>2.2000000000000002</v>
      </c>
      <c r="L2255" s="49">
        <v>6.8</v>
      </c>
      <c r="M2255" s="49">
        <v>0.9</v>
      </c>
      <c r="N2255" s="49">
        <v>0.3</v>
      </c>
      <c r="O2255" s="50">
        <v>0</v>
      </c>
    </row>
    <row r="2256" spans="2:15" x14ac:dyDescent="0.2">
      <c r="B2256" s="7" t="s">
        <v>71</v>
      </c>
      <c r="C2256" s="4" t="s">
        <v>147</v>
      </c>
    </row>
    <row r="2257" spans="1:25" x14ac:dyDescent="0.2">
      <c r="B2257" s="4"/>
      <c r="C2257" s="4" t="s">
        <v>73</v>
      </c>
    </row>
    <row r="2259" spans="1:25" x14ac:dyDescent="0.2">
      <c r="C2259" t="s">
        <v>35</v>
      </c>
    </row>
    <row r="2260" spans="1:25" x14ac:dyDescent="0.2">
      <c r="B2260" s="74" t="s">
        <v>221</v>
      </c>
      <c r="C2260" s="75"/>
      <c r="D2260" s="75"/>
      <c r="E2260" s="75"/>
      <c r="F2260" s="75"/>
      <c r="G2260" s="75"/>
      <c r="H2260" s="75"/>
      <c r="I2260" s="75"/>
      <c r="J2260" s="75"/>
      <c r="K2260" s="75"/>
      <c r="L2260" s="75"/>
      <c r="M2260" s="75"/>
      <c r="N2260" s="75"/>
      <c r="O2260" s="75"/>
      <c r="P2260" s="75"/>
      <c r="Q2260" s="75"/>
      <c r="R2260" s="75"/>
      <c r="S2260" s="75"/>
      <c r="T2260" s="75"/>
      <c r="U2260" s="75"/>
      <c r="V2260" s="75"/>
      <c r="W2260" s="75"/>
      <c r="X2260" s="75"/>
      <c r="Y2260" s="75"/>
    </row>
    <row r="2261" spans="1:25" s="32" customFormat="1" ht="47.25" customHeight="1" x14ac:dyDescent="0.15">
      <c r="A2261" s="31"/>
      <c r="D2261" s="33" t="s">
        <v>242</v>
      </c>
      <c r="E2261" s="35" t="s">
        <v>373</v>
      </c>
      <c r="F2261" s="36" t="s">
        <v>374</v>
      </c>
      <c r="G2261" s="36" t="s">
        <v>375</v>
      </c>
      <c r="H2261" s="36" t="s">
        <v>376</v>
      </c>
      <c r="I2261" s="36" t="s">
        <v>377</v>
      </c>
      <c r="J2261" s="36" t="s">
        <v>378</v>
      </c>
      <c r="K2261" s="36" t="s">
        <v>379</v>
      </c>
      <c r="L2261" s="36" t="s">
        <v>380</v>
      </c>
      <c r="M2261" s="36" t="s">
        <v>381</v>
      </c>
      <c r="N2261" s="36" t="s">
        <v>264</v>
      </c>
      <c r="O2261" s="37" t="s">
        <v>276</v>
      </c>
      <c r="P2261" s="34" t="s">
        <v>251</v>
      </c>
    </row>
    <row r="2262" spans="1:25" ht="21.6" x14ac:dyDescent="0.2">
      <c r="B2262" s="76" t="s">
        <v>37</v>
      </c>
      <c r="C2262" s="38" t="s">
        <v>58</v>
      </c>
      <c r="D2262" s="51">
        <v>214</v>
      </c>
      <c r="E2262" s="52">
        <v>63.6</v>
      </c>
      <c r="F2262" s="52">
        <v>24.3</v>
      </c>
      <c r="G2262" s="52">
        <v>3.3</v>
      </c>
      <c r="H2262" s="52">
        <v>2.2999999999999998</v>
      </c>
      <c r="I2262" s="52">
        <v>0.5</v>
      </c>
      <c r="J2262" s="52">
        <v>0.5</v>
      </c>
      <c r="K2262" s="52">
        <v>0.9</v>
      </c>
      <c r="L2262" s="52">
        <v>3.7</v>
      </c>
      <c r="M2262" s="52">
        <v>0</v>
      </c>
      <c r="N2262" s="52">
        <v>0</v>
      </c>
      <c r="O2262" s="53">
        <v>0.9</v>
      </c>
    </row>
    <row r="2263" spans="1:25" ht="21.6" x14ac:dyDescent="0.2">
      <c r="B2263" s="76"/>
      <c r="C2263" s="39" t="s">
        <v>59</v>
      </c>
      <c r="D2263" s="45">
        <v>516</v>
      </c>
      <c r="E2263" s="46">
        <v>59.9</v>
      </c>
      <c r="F2263" s="46">
        <v>19</v>
      </c>
      <c r="G2263" s="46">
        <v>2.9</v>
      </c>
      <c r="H2263" s="46">
        <v>5</v>
      </c>
      <c r="I2263" s="46">
        <v>2.2999999999999998</v>
      </c>
      <c r="J2263" s="46">
        <v>1</v>
      </c>
      <c r="K2263" s="46">
        <v>2.1</v>
      </c>
      <c r="L2263" s="46">
        <v>6.6</v>
      </c>
      <c r="M2263" s="46">
        <v>0.6</v>
      </c>
      <c r="N2263" s="46">
        <v>0.4</v>
      </c>
      <c r="O2263" s="47">
        <v>0.2</v>
      </c>
    </row>
    <row r="2264" spans="1:25" x14ac:dyDescent="0.2">
      <c r="B2264" s="76"/>
      <c r="C2264" s="39" t="s">
        <v>60</v>
      </c>
      <c r="D2264" s="45">
        <v>478</v>
      </c>
      <c r="E2264" s="46">
        <v>62.3</v>
      </c>
      <c r="F2264" s="46">
        <v>19</v>
      </c>
      <c r="G2264" s="46">
        <v>3.1</v>
      </c>
      <c r="H2264" s="46">
        <v>4.5999999999999996</v>
      </c>
      <c r="I2264" s="46">
        <v>2.2999999999999998</v>
      </c>
      <c r="J2264" s="46">
        <v>0.8</v>
      </c>
      <c r="K2264" s="46">
        <v>1.7</v>
      </c>
      <c r="L2264" s="46">
        <v>5.2</v>
      </c>
      <c r="M2264" s="46">
        <v>0</v>
      </c>
      <c r="N2264" s="46">
        <v>0.4</v>
      </c>
      <c r="O2264" s="47">
        <v>0.4</v>
      </c>
    </row>
    <row r="2265" spans="1:25" x14ac:dyDescent="0.2">
      <c r="B2265" s="76"/>
      <c r="C2265" s="39" t="s">
        <v>61</v>
      </c>
      <c r="D2265" s="45">
        <v>252</v>
      </c>
      <c r="E2265" s="46">
        <v>58.3</v>
      </c>
      <c r="F2265" s="46">
        <v>23.4</v>
      </c>
      <c r="G2265" s="46">
        <v>2.8</v>
      </c>
      <c r="H2265" s="46">
        <v>3.6</v>
      </c>
      <c r="I2265" s="46">
        <v>0.8</v>
      </c>
      <c r="J2265" s="46">
        <v>0.8</v>
      </c>
      <c r="K2265" s="46">
        <v>2</v>
      </c>
      <c r="L2265" s="46">
        <v>6.7</v>
      </c>
      <c r="M2265" s="46">
        <v>1.2</v>
      </c>
      <c r="N2265" s="46">
        <v>0</v>
      </c>
      <c r="O2265" s="47">
        <v>0.4</v>
      </c>
    </row>
    <row r="2266" spans="1:25" x14ac:dyDescent="0.2">
      <c r="B2266" s="76"/>
      <c r="C2266" s="39" t="s">
        <v>62</v>
      </c>
      <c r="D2266" s="45">
        <v>354</v>
      </c>
      <c r="E2266" s="46">
        <v>44.4</v>
      </c>
      <c r="F2266" s="46">
        <v>38.1</v>
      </c>
      <c r="G2266" s="46">
        <v>4</v>
      </c>
      <c r="H2266" s="46">
        <v>5.9</v>
      </c>
      <c r="I2266" s="46">
        <v>2.8</v>
      </c>
      <c r="J2266" s="46">
        <v>0.6</v>
      </c>
      <c r="K2266" s="46">
        <v>0.3</v>
      </c>
      <c r="L2266" s="46">
        <v>2.8</v>
      </c>
      <c r="M2266" s="46">
        <v>0.6</v>
      </c>
      <c r="N2266" s="46">
        <v>0.3</v>
      </c>
      <c r="O2266" s="47">
        <v>0.3</v>
      </c>
    </row>
    <row r="2267" spans="1:25" ht="21.6" x14ac:dyDescent="0.2">
      <c r="B2267" s="76"/>
      <c r="C2267" s="39" t="s">
        <v>63</v>
      </c>
      <c r="D2267" s="45">
        <v>16</v>
      </c>
      <c r="E2267" s="46">
        <v>75</v>
      </c>
      <c r="F2267" s="46">
        <v>12.5</v>
      </c>
      <c r="G2267" s="46">
        <v>6.3</v>
      </c>
      <c r="H2267" s="46">
        <v>0</v>
      </c>
      <c r="I2267" s="46">
        <v>6.3</v>
      </c>
      <c r="J2267" s="46">
        <v>0</v>
      </c>
      <c r="K2267" s="46">
        <v>0</v>
      </c>
      <c r="L2267" s="46">
        <v>0</v>
      </c>
      <c r="M2267" s="46">
        <v>0</v>
      </c>
      <c r="N2267" s="46">
        <v>0</v>
      </c>
      <c r="O2267" s="47">
        <v>0</v>
      </c>
    </row>
    <row r="2268" spans="1:25" x14ac:dyDescent="0.2">
      <c r="B2268" s="76"/>
      <c r="C2268" s="39" t="s">
        <v>64</v>
      </c>
      <c r="D2268" s="45">
        <v>79</v>
      </c>
      <c r="E2268" s="46">
        <v>62</v>
      </c>
      <c r="F2268" s="46">
        <v>22.8</v>
      </c>
      <c r="G2268" s="46">
        <v>8.9</v>
      </c>
      <c r="H2268" s="46">
        <v>2.5</v>
      </c>
      <c r="I2268" s="46">
        <v>2.5</v>
      </c>
      <c r="J2268" s="46">
        <v>0</v>
      </c>
      <c r="K2268" s="46">
        <v>0</v>
      </c>
      <c r="L2268" s="46">
        <v>0</v>
      </c>
      <c r="M2268" s="46">
        <v>1.3</v>
      </c>
      <c r="N2268" s="46">
        <v>0</v>
      </c>
      <c r="O2268" s="47">
        <v>0</v>
      </c>
    </row>
    <row r="2269" spans="1:25" x14ac:dyDescent="0.2">
      <c r="B2269" s="76"/>
      <c r="C2269" s="39" t="s">
        <v>65</v>
      </c>
      <c r="D2269" s="45">
        <v>124</v>
      </c>
      <c r="E2269" s="46">
        <v>41.9</v>
      </c>
      <c r="F2269" s="46">
        <v>43.5</v>
      </c>
      <c r="G2269" s="46">
        <v>2.4</v>
      </c>
      <c r="H2269" s="46">
        <v>4.8</v>
      </c>
      <c r="I2269" s="46">
        <v>0.8</v>
      </c>
      <c r="J2269" s="46">
        <v>0</v>
      </c>
      <c r="K2269" s="46">
        <v>0</v>
      </c>
      <c r="L2269" s="46">
        <v>4.8</v>
      </c>
      <c r="M2269" s="46">
        <v>0.8</v>
      </c>
      <c r="N2269" s="46">
        <v>0</v>
      </c>
      <c r="O2269" s="47">
        <v>0.8</v>
      </c>
    </row>
    <row r="2270" spans="1:25" x14ac:dyDescent="0.2">
      <c r="B2270" s="76"/>
      <c r="C2270" s="39" t="s">
        <v>66</v>
      </c>
      <c r="D2270" s="45">
        <v>107</v>
      </c>
      <c r="E2270" s="46">
        <v>33.6</v>
      </c>
      <c r="F2270" s="46">
        <v>48.6</v>
      </c>
      <c r="G2270" s="46">
        <v>2.8</v>
      </c>
      <c r="H2270" s="46">
        <v>6.5</v>
      </c>
      <c r="I2270" s="46">
        <v>4.7</v>
      </c>
      <c r="J2270" s="46">
        <v>0.9</v>
      </c>
      <c r="K2270" s="46">
        <v>0.9</v>
      </c>
      <c r="L2270" s="46">
        <v>0.9</v>
      </c>
      <c r="M2270" s="46">
        <v>0</v>
      </c>
      <c r="N2270" s="46">
        <v>0.9</v>
      </c>
      <c r="O2270" s="47">
        <v>0</v>
      </c>
    </row>
    <row r="2271" spans="1:25" x14ac:dyDescent="0.2">
      <c r="B2271" s="76"/>
      <c r="C2271" s="39" t="s">
        <v>67</v>
      </c>
      <c r="D2271" s="45">
        <v>28</v>
      </c>
      <c r="E2271" s="46">
        <v>28.6</v>
      </c>
      <c r="F2271" s="46">
        <v>32.1</v>
      </c>
      <c r="G2271" s="46">
        <v>0</v>
      </c>
      <c r="H2271" s="46">
        <v>21.4</v>
      </c>
      <c r="I2271" s="46">
        <v>3.6</v>
      </c>
      <c r="J2271" s="46">
        <v>3.6</v>
      </c>
      <c r="K2271" s="46">
        <v>0</v>
      </c>
      <c r="L2271" s="46">
        <v>10.7</v>
      </c>
      <c r="M2271" s="46">
        <v>0</v>
      </c>
      <c r="N2271" s="46">
        <v>0</v>
      </c>
      <c r="O2271" s="47">
        <v>0</v>
      </c>
    </row>
    <row r="2272" spans="1:25" x14ac:dyDescent="0.2">
      <c r="B2272" s="76"/>
      <c r="C2272" s="39" t="s">
        <v>68</v>
      </c>
      <c r="D2272" s="45">
        <v>331</v>
      </c>
      <c r="E2272" s="46">
        <v>45.6</v>
      </c>
      <c r="F2272" s="46">
        <v>38.1</v>
      </c>
      <c r="G2272" s="46">
        <v>4.2</v>
      </c>
      <c r="H2272" s="46">
        <v>5.7</v>
      </c>
      <c r="I2272" s="46">
        <v>2.4</v>
      </c>
      <c r="J2272" s="46">
        <v>0</v>
      </c>
      <c r="K2272" s="46">
        <v>0.3</v>
      </c>
      <c r="L2272" s="46">
        <v>2.7</v>
      </c>
      <c r="M2272" s="46">
        <v>0.6</v>
      </c>
      <c r="N2272" s="46">
        <v>0</v>
      </c>
      <c r="O2272" s="47">
        <v>0.3</v>
      </c>
    </row>
    <row r="2273" spans="1:25" x14ac:dyDescent="0.2">
      <c r="B2273" s="76"/>
      <c r="C2273" s="39" t="s">
        <v>69</v>
      </c>
      <c r="D2273" s="45">
        <v>23</v>
      </c>
      <c r="E2273" s="46">
        <v>26.1</v>
      </c>
      <c r="F2273" s="46">
        <v>39.1</v>
      </c>
      <c r="G2273" s="46">
        <v>0</v>
      </c>
      <c r="H2273" s="46">
        <v>8.6999999999999993</v>
      </c>
      <c r="I2273" s="46">
        <v>8.6999999999999993</v>
      </c>
      <c r="J2273" s="46">
        <v>8.6999999999999993</v>
      </c>
      <c r="K2273" s="46">
        <v>0</v>
      </c>
      <c r="L2273" s="46">
        <v>4.3</v>
      </c>
      <c r="M2273" s="46">
        <v>0</v>
      </c>
      <c r="N2273" s="46">
        <v>4.3</v>
      </c>
      <c r="O2273" s="47">
        <v>0</v>
      </c>
    </row>
    <row r="2274" spans="1:25" x14ac:dyDescent="0.2">
      <c r="B2274" s="76"/>
      <c r="C2274" s="39" t="s">
        <v>70</v>
      </c>
      <c r="D2274" s="45">
        <v>376</v>
      </c>
      <c r="E2274" s="46">
        <v>76.599999999999994</v>
      </c>
      <c r="F2274" s="46">
        <v>4</v>
      </c>
      <c r="G2274" s="46">
        <v>2.1</v>
      </c>
      <c r="H2274" s="46">
        <v>2.7</v>
      </c>
      <c r="I2274" s="46">
        <v>0.8</v>
      </c>
      <c r="J2274" s="46">
        <v>1.1000000000000001</v>
      </c>
      <c r="K2274" s="46">
        <v>3.2</v>
      </c>
      <c r="L2274" s="46">
        <v>8.5</v>
      </c>
      <c r="M2274" s="46">
        <v>0.3</v>
      </c>
      <c r="N2274" s="46">
        <v>0.3</v>
      </c>
      <c r="O2274" s="47">
        <v>0.5</v>
      </c>
    </row>
    <row r="2275" spans="1:25" ht="21.6" x14ac:dyDescent="0.2">
      <c r="B2275" s="76"/>
      <c r="C2275" s="39" t="s">
        <v>63</v>
      </c>
      <c r="D2275" s="45">
        <v>31</v>
      </c>
      <c r="E2275" s="46">
        <v>90.3</v>
      </c>
      <c r="F2275" s="46">
        <v>0</v>
      </c>
      <c r="G2275" s="46">
        <v>3.2</v>
      </c>
      <c r="H2275" s="46">
        <v>0</v>
      </c>
      <c r="I2275" s="46">
        <v>0</v>
      </c>
      <c r="J2275" s="46">
        <v>0</v>
      </c>
      <c r="K2275" s="46">
        <v>0</v>
      </c>
      <c r="L2275" s="46">
        <v>6.5</v>
      </c>
      <c r="M2275" s="46">
        <v>0</v>
      </c>
      <c r="N2275" s="46">
        <v>0</v>
      </c>
      <c r="O2275" s="47">
        <v>0</v>
      </c>
    </row>
    <row r="2276" spans="1:25" x14ac:dyDescent="0.2">
      <c r="B2276" s="76"/>
      <c r="C2276" s="39" t="s">
        <v>64</v>
      </c>
      <c r="D2276" s="45">
        <v>90</v>
      </c>
      <c r="E2276" s="46">
        <v>85.6</v>
      </c>
      <c r="F2276" s="46">
        <v>3.3</v>
      </c>
      <c r="G2276" s="46">
        <v>2.2000000000000002</v>
      </c>
      <c r="H2276" s="46">
        <v>0</v>
      </c>
      <c r="I2276" s="46">
        <v>1.1000000000000001</v>
      </c>
      <c r="J2276" s="46">
        <v>1.1000000000000001</v>
      </c>
      <c r="K2276" s="46">
        <v>0</v>
      </c>
      <c r="L2276" s="46">
        <v>5.6</v>
      </c>
      <c r="M2276" s="46">
        <v>0</v>
      </c>
      <c r="N2276" s="46">
        <v>0</v>
      </c>
      <c r="O2276" s="47">
        <v>1.1000000000000001</v>
      </c>
    </row>
    <row r="2277" spans="1:25" x14ac:dyDescent="0.2">
      <c r="B2277" s="76"/>
      <c r="C2277" s="39" t="s">
        <v>65</v>
      </c>
      <c r="D2277" s="45">
        <v>120</v>
      </c>
      <c r="E2277" s="46">
        <v>80.8</v>
      </c>
      <c r="F2277" s="46">
        <v>3.3</v>
      </c>
      <c r="G2277" s="46">
        <v>0.8</v>
      </c>
      <c r="H2277" s="46">
        <v>3.3</v>
      </c>
      <c r="I2277" s="46">
        <v>0.8</v>
      </c>
      <c r="J2277" s="46">
        <v>0</v>
      </c>
      <c r="K2277" s="46">
        <v>0.8</v>
      </c>
      <c r="L2277" s="46">
        <v>9.1999999999999993</v>
      </c>
      <c r="M2277" s="46">
        <v>0.8</v>
      </c>
      <c r="N2277" s="46">
        <v>0</v>
      </c>
      <c r="O2277" s="47">
        <v>0</v>
      </c>
    </row>
    <row r="2278" spans="1:25" x14ac:dyDescent="0.2">
      <c r="B2278" s="76"/>
      <c r="C2278" s="39" t="s">
        <v>66</v>
      </c>
      <c r="D2278" s="45">
        <v>106</v>
      </c>
      <c r="E2278" s="46">
        <v>68.900000000000006</v>
      </c>
      <c r="F2278" s="46">
        <v>4.7</v>
      </c>
      <c r="G2278" s="46">
        <v>0.9</v>
      </c>
      <c r="H2278" s="46">
        <v>2.8</v>
      </c>
      <c r="I2278" s="46">
        <v>0.9</v>
      </c>
      <c r="J2278" s="46">
        <v>1.9</v>
      </c>
      <c r="K2278" s="46">
        <v>9.4</v>
      </c>
      <c r="L2278" s="46">
        <v>8.5</v>
      </c>
      <c r="M2278" s="46">
        <v>0</v>
      </c>
      <c r="N2278" s="46">
        <v>0.9</v>
      </c>
      <c r="O2278" s="47">
        <v>0.9</v>
      </c>
    </row>
    <row r="2279" spans="1:25" x14ac:dyDescent="0.2">
      <c r="B2279" s="76"/>
      <c r="C2279" s="39" t="s">
        <v>67</v>
      </c>
      <c r="D2279" s="45">
        <v>29</v>
      </c>
      <c r="E2279" s="46">
        <v>44.8</v>
      </c>
      <c r="F2279" s="46">
        <v>10.3</v>
      </c>
      <c r="G2279" s="46">
        <v>10.3</v>
      </c>
      <c r="H2279" s="46">
        <v>10.3</v>
      </c>
      <c r="I2279" s="46">
        <v>0</v>
      </c>
      <c r="J2279" s="46">
        <v>3.4</v>
      </c>
      <c r="K2279" s="46">
        <v>3.4</v>
      </c>
      <c r="L2279" s="46">
        <v>17.2</v>
      </c>
      <c r="M2279" s="46">
        <v>0</v>
      </c>
      <c r="N2279" s="46">
        <v>0</v>
      </c>
      <c r="O2279" s="47">
        <v>0</v>
      </c>
    </row>
    <row r="2280" spans="1:25" x14ac:dyDescent="0.2">
      <c r="B2280" s="76"/>
      <c r="C2280" s="39" t="s">
        <v>68</v>
      </c>
      <c r="D2280" s="45">
        <v>125</v>
      </c>
      <c r="E2280" s="46">
        <v>84.8</v>
      </c>
      <c r="F2280" s="46">
        <v>0.8</v>
      </c>
      <c r="G2280" s="46">
        <v>2.4</v>
      </c>
      <c r="H2280" s="46">
        <v>0.8</v>
      </c>
      <c r="I2280" s="46">
        <v>0</v>
      </c>
      <c r="J2280" s="46">
        <v>0.8</v>
      </c>
      <c r="K2280" s="46">
        <v>3.2</v>
      </c>
      <c r="L2280" s="46">
        <v>6.4</v>
      </c>
      <c r="M2280" s="46">
        <v>0.8</v>
      </c>
      <c r="N2280" s="46">
        <v>0</v>
      </c>
      <c r="O2280" s="47">
        <v>0</v>
      </c>
    </row>
    <row r="2281" spans="1:25" x14ac:dyDescent="0.2">
      <c r="B2281" s="76"/>
      <c r="C2281" s="40" t="s">
        <v>69</v>
      </c>
      <c r="D2281" s="48">
        <v>251</v>
      </c>
      <c r="E2281" s="49">
        <v>72.5</v>
      </c>
      <c r="F2281" s="49">
        <v>5.6</v>
      </c>
      <c r="G2281" s="49">
        <v>2</v>
      </c>
      <c r="H2281" s="49">
        <v>3.6</v>
      </c>
      <c r="I2281" s="49">
        <v>1.2</v>
      </c>
      <c r="J2281" s="49">
        <v>1.2</v>
      </c>
      <c r="K2281" s="49">
        <v>3.2</v>
      </c>
      <c r="L2281" s="49">
        <v>9.6</v>
      </c>
      <c r="M2281" s="49">
        <v>0</v>
      </c>
      <c r="N2281" s="49">
        <v>0.4</v>
      </c>
      <c r="O2281" s="50">
        <v>0.8</v>
      </c>
    </row>
    <row r="2282" spans="1:25" x14ac:dyDescent="0.2">
      <c r="B2282" s="7" t="s">
        <v>71</v>
      </c>
      <c r="C2282" s="4" t="s">
        <v>147</v>
      </c>
    </row>
    <row r="2283" spans="1:25" x14ac:dyDescent="0.2">
      <c r="B2283" s="4"/>
      <c r="C2283" s="4" t="s">
        <v>73</v>
      </c>
    </row>
    <row r="2285" spans="1:25" x14ac:dyDescent="0.2">
      <c r="A2285" s="26" t="s">
        <v>25</v>
      </c>
      <c r="B2285" t="s">
        <v>35</v>
      </c>
      <c r="C2285" t="s">
        <v>35</v>
      </c>
    </row>
    <row r="2286" spans="1:25" x14ac:dyDescent="0.2">
      <c r="B2286" s="74" t="s">
        <v>148</v>
      </c>
      <c r="C2286" s="75"/>
      <c r="D2286" s="75"/>
      <c r="E2286" s="75"/>
      <c r="F2286" s="75"/>
      <c r="G2286" s="75"/>
      <c r="H2286" s="75"/>
      <c r="I2286" s="75"/>
      <c r="J2286" s="75"/>
      <c r="K2286" s="75"/>
      <c r="L2286" s="75"/>
      <c r="M2286" s="75"/>
      <c r="N2286" s="75"/>
      <c r="O2286" s="75"/>
      <c r="P2286" s="75"/>
      <c r="Q2286" s="75"/>
      <c r="R2286" s="75"/>
      <c r="S2286" s="75"/>
      <c r="T2286" s="75"/>
      <c r="U2286" s="75"/>
      <c r="V2286" s="75"/>
      <c r="W2286" s="75"/>
      <c r="X2286" s="75"/>
      <c r="Y2286" s="75"/>
    </row>
    <row r="2287" spans="1:25" s="32" customFormat="1" ht="47.25" customHeight="1" x14ac:dyDescent="0.15">
      <c r="A2287" s="31"/>
      <c r="D2287" s="33" t="s">
        <v>242</v>
      </c>
      <c r="E2287" s="35" t="s">
        <v>382</v>
      </c>
      <c r="F2287" s="36" t="s">
        <v>383</v>
      </c>
      <c r="G2287" s="37" t="s">
        <v>384</v>
      </c>
      <c r="H2287" s="34" t="s">
        <v>251</v>
      </c>
    </row>
    <row r="2288" spans="1:25" x14ac:dyDescent="0.2">
      <c r="B2288" s="5"/>
      <c r="C2288" s="41" t="s">
        <v>38</v>
      </c>
      <c r="D2288" s="42">
        <v>730</v>
      </c>
      <c r="E2288" s="43">
        <v>61</v>
      </c>
      <c r="F2288" s="43">
        <v>30.4</v>
      </c>
      <c r="G2288" s="44">
        <v>8.6</v>
      </c>
    </row>
    <row r="2289" spans="2:7" x14ac:dyDescent="0.2">
      <c r="B2289" s="76" t="s">
        <v>37</v>
      </c>
      <c r="C2289" s="39" t="s">
        <v>39</v>
      </c>
      <c r="D2289" s="45">
        <v>36</v>
      </c>
      <c r="E2289" s="46">
        <v>58.3</v>
      </c>
      <c r="F2289" s="46">
        <v>27.8</v>
      </c>
      <c r="G2289" s="47">
        <v>13.9</v>
      </c>
    </row>
    <row r="2290" spans="2:7" x14ac:dyDescent="0.2">
      <c r="B2290" s="76"/>
      <c r="C2290" s="39" t="s">
        <v>40</v>
      </c>
      <c r="D2290" s="45">
        <v>155</v>
      </c>
      <c r="E2290" s="46">
        <v>49.7</v>
      </c>
      <c r="F2290" s="46">
        <v>43.2</v>
      </c>
      <c r="G2290" s="47">
        <v>7.1</v>
      </c>
    </row>
    <row r="2291" spans="2:7" ht="21.6" x14ac:dyDescent="0.2">
      <c r="B2291" s="76"/>
      <c r="C2291" s="39" t="s">
        <v>41</v>
      </c>
      <c r="D2291" s="45">
        <v>11</v>
      </c>
      <c r="E2291" s="46">
        <v>54.5</v>
      </c>
      <c r="F2291" s="46">
        <v>45.5</v>
      </c>
      <c r="G2291" s="47">
        <v>0</v>
      </c>
    </row>
    <row r="2292" spans="2:7" ht="21.6" x14ac:dyDescent="0.2">
      <c r="B2292" s="76"/>
      <c r="C2292" s="39" t="s">
        <v>42</v>
      </c>
      <c r="D2292" s="45">
        <v>113</v>
      </c>
      <c r="E2292" s="46">
        <v>56.6</v>
      </c>
      <c r="F2292" s="46">
        <v>40.700000000000003</v>
      </c>
      <c r="G2292" s="47">
        <v>2.7</v>
      </c>
    </row>
    <row r="2293" spans="2:7" ht="21.6" x14ac:dyDescent="0.2">
      <c r="B2293" s="76"/>
      <c r="C2293" s="39" t="s">
        <v>43</v>
      </c>
      <c r="D2293" s="45">
        <v>140</v>
      </c>
      <c r="E2293" s="46">
        <v>70.7</v>
      </c>
      <c r="F2293" s="46">
        <v>20.7</v>
      </c>
      <c r="G2293" s="47">
        <v>8.6</v>
      </c>
    </row>
    <row r="2294" spans="2:7" ht="21.6" x14ac:dyDescent="0.2">
      <c r="B2294" s="76"/>
      <c r="C2294" s="39" t="s">
        <v>44</v>
      </c>
      <c r="D2294" s="45">
        <v>73</v>
      </c>
      <c r="E2294" s="46">
        <v>65.8</v>
      </c>
      <c r="F2294" s="46">
        <v>26</v>
      </c>
      <c r="G2294" s="47">
        <v>8.1999999999999993</v>
      </c>
    </row>
    <row r="2295" spans="2:7" ht="21.6" x14ac:dyDescent="0.2">
      <c r="B2295" s="76"/>
      <c r="C2295" s="39" t="s">
        <v>45</v>
      </c>
      <c r="D2295" s="45">
        <v>202</v>
      </c>
      <c r="E2295" s="46">
        <v>64.400000000000006</v>
      </c>
      <c r="F2295" s="46">
        <v>22.8</v>
      </c>
      <c r="G2295" s="47">
        <v>12.9</v>
      </c>
    </row>
    <row r="2296" spans="2:7" ht="21.6" x14ac:dyDescent="0.2">
      <c r="B2296" s="76"/>
      <c r="C2296" s="39" t="s">
        <v>46</v>
      </c>
      <c r="D2296" s="45">
        <v>82</v>
      </c>
      <c r="E2296" s="46">
        <v>52.4</v>
      </c>
      <c r="F2296" s="46">
        <v>36.6</v>
      </c>
      <c r="G2296" s="47">
        <v>11</v>
      </c>
    </row>
    <row r="2297" spans="2:7" ht="21.6" x14ac:dyDescent="0.2">
      <c r="B2297" s="76"/>
      <c r="C2297" s="39" t="s">
        <v>47</v>
      </c>
      <c r="D2297" s="45">
        <v>145</v>
      </c>
      <c r="E2297" s="46">
        <v>49.7</v>
      </c>
      <c r="F2297" s="46">
        <v>40</v>
      </c>
      <c r="G2297" s="47">
        <v>10.3</v>
      </c>
    </row>
    <row r="2298" spans="2:7" ht="21.6" x14ac:dyDescent="0.2">
      <c r="B2298" s="76"/>
      <c r="C2298" s="39" t="s">
        <v>48</v>
      </c>
      <c r="D2298" s="45">
        <v>137</v>
      </c>
      <c r="E2298" s="46">
        <v>59.9</v>
      </c>
      <c r="F2298" s="46">
        <v>31.4</v>
      </c>
      <c r="G2298" s="47">
        <v>8.8000000000000007</v>
      </c>
    </row>
    <row r="2299" spans="2:7" ht="21.6" x14ac:dyDescent="0.2">
      <c r="B2299" s="76"/>
      <c r="C2299" s="39" t="s">
        <v>49</v>
      </c>
      <c r="D2299" s="45">
        <v>134</v>
      </c>
      <c r="E2299" s="46">
        <v>61.9</v>
      </c>
      <c r="F2299" s="46">
        <v>33.6</v>
      </c>
      <c r="G2299" s="47">
        <v>4.5</v>
      </c>
    </row>
    <row r="2300" spans="2:7" ht="21.6" x14ac:dyDescent="0.2">
      <c r="B2300" s="76"/>
      <c r="C2300" s="39" t="s">
        <v>50</v>
      </c>
      <c r="D2300" s="45">
        <v>71</v>
      </c>
      <c r="E2300" s="46">
        <v>69</v>
      </c>
      <c r="F2300" s="46">
        <v>25.4</v>
      </c>
      <c r="G2300" s="47">
        <v>5.6</v>
      </c>
    </row>
    <row r="2301" spans="2:7" ht="21.6" x14ac:dyDescent="0.2">
      <c r="B2301" s="76"/>
      <c r="C2301" s="39" t="s">
        <v>51</v>
      </c>
      <c r="D2301" s="45">
        <v>77</v>
      </c>
      <c r="E2301" s="46">
        <v>77.900000000000006</v>
      </c>
      <c r="F2301" s="46">
        <v>13</v>
      </c>
      <c r="G2301" s="47">
        <v>9.1</v>
      </c>
    </row>
    <row r="2302" spans="2:7" ht="21.6" x14ac:dyDescent="0.2">
      <c r="B2302" s="76"/>
      <c r="C2302" s="39" t="s">
        <v>52</v>
      </c>
      <c r="D2302" s="45">
        <v>126</v>
      </c>
      <c r="E2302" s="46">
        <v>57.9</v>
      </c>
      <c r="F2302" s="46">
        <v>31</v>
      </c>
      <c r="G2302" s="47">
        <v>11.1</v>
      </c>
    </row>
    <row r="2303" spans="2:7" x14ac:dyDescent="0.2">
      <c r="B2303" s="76"/>
      <c r="C2303" s="39" t="s">
        <v>53</v>
      </c>
      <c r="D2303" s="45">
        <v>96</v>
      </c>
      <c r="E2303" s="46">
        <v>57.3</v>
      </c>
      <c r="F2303" s="46">
        <v>31.3</v>
      </c>
      <c r="G2303" s="47">
        <v>11.5</v>
      </c>
    </row>
    <row r="2304" spans="2:7" ht="21.6" x14ac:dyDescent="0.2">
      <c r="B2304" s="76"/>
      <c r="C2304" s="39" t="s">
        <v>54</v>
      </c>
      <c r="D2304" s="45">
        <v>185</v>
      </c>
      <c r="E2304" s="46">
        <v>61.1</v>
      </c>
      <c r="F2304" s="46">
        <v>30.8</v>
      </c>
      <c r="G2304" s="47">
        <v>8.1</v>
      </c>
    </row>
    <row r="2305" spans="1:25" ht="21.6" x14ac:dyDescent="0.2">
      <c r="B2305" s="76"/>
      <c r="C2305" s="39" t="s">
        <v>55</v>
      </c>
      <c r="D2305" s="45">
        <v>231</v>
      </c>
      <c r="E2305" s="46">
        <v>59.3</v>
      </c>
      <c r="F2305" s="46">
        <v>35.5</v>
      </c>
      <c r="G2305" s="47">
        <v>5.2</v>
      </c>
    </row>
    <row r="2306" spans="1:25" ht="21.6" x14ac:dyDescent="0.2">
      <c r="B2306" s="76"/>
      <c r="C2306" s="39" t="s">
        <v>56</v>
      </c>
      <c r="D2306" s="45">
        <v>295</v>
      </c>
      <c r="E2306" s="46">
        <v>60</v>
      </c>
      <c r="F2306" s="46">
        <v>33.6</v>
      </c>
      <c r="G2306" s="47">
        <v>6.4</v>
      </c>
    </row>
    <row r="2307" spans="1:25" x14ac:dyDescent="0.2">
      <c r="B2307" s="76"/>
      <c r="C2307" s="40" t="s">
        <v>57</v>
      </c>
      <c r="D2307" s="48">
        <v>323</v>
      </c>
      <c r="E2307" s="49">
        <v>57.9</v>
      </c>
      <c r="F2307" s="49">
        <v>31.9</v>
      </c>
      <c r="G2307" s="50">
        <v>10.199999999999999</v>
      </c>
    </row>
    <row r="2309" spans="1:25" x14ac:dyDescent="0.2">
      <c r="C2309" t="s">
        <v>35</v>
      </c>
    </row>
    <row r="2310" spans="1:25" x14ac:dyDescent="0.2">
      <c r="B2310" s="74" t="s">
        <v>222</v>
      </c>
      <c r="C2310" s="75"/>
      <c r="D2310" s="75"/>
      <c r="E2310" s="75"/>
      <c r="F2310" s="75"/>
      <c r="G2310" s="75"/>
      <c r="H2310" s="75"/>
      <c r="I2310" s="75"/>
      <c r="J2310" s="75"/>
      <c r="K2310" s="75"/>
      <c r="L2310" s="75"/>
      <c r="M2310" s="75"/>
      <c r="N2310" s="75"/>
      <c r="O2310" s="75"/>
      <c r="P2310" s="75"/>
      <c r="Q2310" s="75"/>
      <c r="R2310" s="75"/>
      <c r="S2310" s="75"/>
      <c r="T2310" s="75"/>
      <c r="U2310" s="75"/>
      <c r="V2310" s="75"/>
      <c r="W2310" s="75"/>
      <c r="X2310" s="75"/>
      <c r="Y2310" s="75"/>
    </row>
    <row r="2311" spans="1:25" s="32" customFormat="1" ht="47.25" customHeight="1" x14ac:dyDescent="0.15">
      <c r="A2311" s="31"/>
      <c r="D2311" s="33" t="s">
        <v>242</v>
      </c>
      <c r="E2311" s="35" t="s">
        <v>382</v>
      </c>
      <c r="F2311" s="36" t="s">
        <v>383</v>
      </c>
      <c r="G2311" s="37" t="s">
        <v>384</v>
      </c>
      <c r="H2311" s="34" t="s">
        <v>251</v>
      </c>
    </row>
    <row r="2312" spans="1:25" ht="21.6" x14ac:dyDescent="0.2">
      <c r="B2312" s="76" t="s">
        <v>37</v>
      </c>
      <c r="C2312" s="38" t="s">
        <v>58</v>
      </c>
      <c r="D2312" s="51">
        <v>214</v>
      </c>
      <c r="E2312" s="52">
        <v>63.6</v>
      </c>
      <c r="F2312" s="52">
        <v>30.8</v>
      </c>
      <c r="G2312" s="53">
        <v>5.6</v>
      </c>
    </row>
    <row r="2313" spans="1:25" ht="21.6" x14ac:dyDescent="0.2">
      <c r="B2313" s="76"/>
      <c r="C2313" s="39" t="s">
        <v>59</v>
      </c>
      <c r="D2313" s="45">
        <v>516</v>
      </c>
      <c r="E2313" s="46">
        <v>59.9</v>
      </c>
      <c r="F2313" s="46">
        <v>30.2</v>
      </c>
      <c r="G2313" s="47">
        <v>9.9</v>
      </c>
    </row>
    <row r="2314" spans="1:25" x14ac:dyDescent="0.2">
      <c r="B2314" s="76"/>
      <c r="C2314" s="39" t="s">
        <v>60</v>
      </c>
      <c r="D2314" s="45">
        <v>478</v>
      </c>
      <c r="E2314" s="46">
        <v>62.3</v>
      </c>
      <c r="F2314" s="46">
        <v>29.9</v>
      </c>
      <c r="G2314" s="47">
        <v>7.7</v>
      </c>
    </row>
    <row r="2315" spans="1:25" x14ac:dyDescent="0.2">
      <c r="B2315" s="76"/>
      <c r="C2315" s="39" t="s">
        <v>61</v>
      </c>
      <c r="D2315" s="45">
        <v>252</v>
      </c>
      <c r="E2315" s="46">
        <v>58.3</v>
      </c>
      <c r="F2315" s="46">
        <v>31.3</v>
      </c>
      <c r="G2315" s="47">
        <v>10.3</v>
      </c>
    </row>
    <row r="2316" spans="1:25" x14ac:dyDescent="0.2">
      <c r="B2316" s="76"/>
      <c r="C2316" s="39" t="s">
        <v>62</v>
      </c>
      <c r="D2316" s="45">
        <v>354</v>
      </c>
      <c r="E2316" s="46">
        <v>44.4</v>
      </c>
      <c r="F2316" s="46">
        <v>51.4</v>
      </c>
      <c r="G2316" s="47">
        <v>4.2</v>
      </c>
    </row>
    <row r="2317" spans="1:25" ht="21.6" x14ac:dyDescent="0.2">
      <c r="B2317" s="76"/>
      <c r="C2317" s="39" t="s">
        <v>63</v>
      </c>
      <c r="D2317" s="45">
        <v>16</v>
      </c>
      <c r="E2317" s="46">
        <v>75</v>
      </c>
      <c r="F2317" s="46">
        <v>25</v>
      </c>
      <c r="G2317" s="47">
        <v>0</v>
      </c>
    </row>
    <row r="2318" spans="1:25" x14ac:dyDescent="0.2">
      <c r="B2318" s="76"/>
      <c r="C2318" s="39" t="s">
        <v>64</v>
      </c>
      <c r="D2318" s="45">
        <v>79</v>
      </c>
      <c r="E2318" s="46">
        <v>62</v>
      </c>
      <c r="F2318" s="46">
        <v>36.700000000000003</v>
      </c>
      <c r="G2318" s="47">
        <v>1.3</v>
      </c>
    </row>
    <row r="2319" spans="1:25" x14ac:dyDescent="0.2">
      <c r="B2319" s="76"/>
      <c r="C2319" s="39" t="s">
        <v>65</v>
      </c>
      <c r="D2319" s="45">
        <v>124</v>
      </c>
      <c r="E2319" s="46">
        <v>41.9</v>
      </c>
      <c r="F2319" s="46">
        <v>51.6</v>
      </c>
      <c r="G2319" s="47">
        <v>6.5</v>
      </c>
    </row>
    <row r="2320" spans="1:25" x14ac:dyDescent="0.2">
      <c r="B2320" s="76"/>
      <c r="C2320" s="39" t="s">
        <v>66</v>
      </c>
      <c r="D2320" s="45">
        <v>107</v>
      </c>
      <c r="E2320" s="46">
        <v>33.6</v>
      </c>
      <c r="F2320" s="46">
        <v>63.6</v>
      </c>
      <c r="G2320" s="47">
        <v>2.8</v>
      </c>
    </row>
    <row r="2321" spans="1:25" x14ac:dyDescent="0.2">
      <c r="B2321" s="76"/>
      <c r="C2321" s="39" t="s">
        <v>67</v>
      </c>
      <c r="D2321" s="45">
        <v>28</v>
      </c>
      <c r="E2321" s="46">
        <v>28.6</v>
      </c>
      <c r="F2321" s="46">
        <v>60.7</v>
      </c>
      <c r="G2321" s="47">
        <v>10.7</v>
      </c>
    </row>
    <row r="2322" spans="1:25" x14ac:dyDescent="0.2">
      <c r="B2322" s="76"/>
      <c r="C2322" s="39" t="s">
        <v>68</v>
      </c>
      <c r="D2322" s="45">
        <v>331</v>
      </c>
      <c r="E2322" s="46">
        <v>45.6</v>
      </c>
      <c r="F2322" s="46">
        <v>50.5</v>
      </c>
      <c r="G2322" s="47">
        <v>3.9</v>
      </c>
    </row>
    <row r="2323" spans="1:25" x14ac:dyDescent="0.2">
      <c r="B2323" s="76"/>
      <c r="C2323" s="39" t="s">
        <v>69</v>
      </c>
      <c r="D2323" s="45">
        <v>23</v>
      </c>
      <c r="E2323" s="46">
        <v>26.1</v>
      </c>
      <c r="F2323" s="46">
        <v>65.2</v>
      </c>
      <c r="G2323" s="47">
        <v>8.6999999999999993</v>
      </c>
    </row>
    <row r="2324" spans="1:25" x14ac:dyDescent="0.2">
      <c r="B2324" s="76"/>
      <c r="C2324" s="39" t="s">
        <v>70</v>
      </c>
      <c r="D2324" s="45">
        <v>376</v>
      </c>
      <c r="E2324" s="46">
        <v>76.599999999999994</v>
      </c>
      <c r="F2324" s="46">
        <v>10.6</v>
      </c>
      <c r="G2324" s="47">
        <v>12.8</v>
      </c>
    </row>
    <row r="2325" spans="1:25" ht="21.6" x14ac:dyDescent="0.2">
      <c r="B2325" s="76"/>
      <c r="C2325" s="39" t="s">
        <v>63</v>
      </c>
      <c r="D2325" s="45">
        <v>31</v>
      </c>
      <c r="E2325" s="46">
        <v>90.3</v>
      </c>
      <c r="F2325" s="46">
        <v>3.2</v>
      </c>
      <c r="G2325" s="47">
        <v>6.5</v>
      </c>
    </row>
    <row r="2326" spans="1:25" x14ac:dyDescent="0.2">
      <c r="B2326" s="76"/>
      <c r="C2326" s="39" t="s">
        <v>64</v>
      </c>
      <c r="D2326" s="45">
        <v>90</v>
      </c>
      <c r="E2326" s="46">
        <v>85.6</v>
      </c>
      <c r="F2326" s="46">
        <v>7.8</v>
      </c>
      <c r="G2326" s="47">
        <v>6.7</v>
      </c>
    </row>
    <row r="2327" spans="1:25" x14ac:dyDescent="0.2">
      <c r="B2327" s="76"/>
      <c r="C2327" s="39" t="s">
        <v>65</v>
      </c>
      <c r="D2327" s="45">
        <v>120</v>
      </c>
      <c r="E2327" s="46">
        <v>80.8</v>
      </c>
      <c r="F2327" s="46">
        <v>8.3000000000000007</v>
      </c>
      <c r="G2327" s="47">
        <v>10.8</v>
      </c>
    </row>
    <row r="2328" spans="1:25" x14ac:dyDescent="0.2">
      <c r="B2328" s="76"/>
      <c r="C2328" s="39" t="s">
        <v>66</v>
      </c>
      <c r="D2328" s="45">
        <v>106</v>
      </c>
      <c r="E2328" s="46">
        <v>68.900000000000006</v>
      </c>
      <c r="F2328" s="46">
        <v>11.3</v>
      </c>
      <c r="G2328" s="47">
        <v>19.8</v>
      </c>
    </row>
    <row r="2329" spans="1:25" x14ac:dyDescent="0.2">
      <c r="B2329" s="76"/>
      <c r="C2329" s="39" t="s">
        <v>67</v>
      </c>
      <c r="D2329" s="45">
        <v>29</v>
      </c>
      <c r="E2329" s="46">
        <v>44.8</v>
      </c>
      <c r="F2329" s="46">
        <v>34.5</v>
      </c>
      <c r="G2329" s="47">
        <v>20.7</v>
      </c>
    </row>
    <row r="2330" spans="1:25" x14ac:dyDescent="0.2">
      <c r="B2330" s="76"/>
      <c r="C2330" s="39" t="s">
        <v>68</v>
      </c>
      <c r="D2330" s="45">
        <v>125</v>
      </c>
      <c r="E2330" s="46">
        <v>84.8</v>
      </c>
      <c r="F2330" s="46">
        <v>4.8</v>
      </c>
      <c r="G2330" s="47">
        <v>10.4</v>
      </c>
    </row>
    <row r="2331" spans="1:25" x14ac:dyDescent="0.2">
      <c r="B2331" s="76"/>
      <c r="C2331" s="40" t="s">
        <v>69</v>
      </c>
      <c r="D2331" s="48">
        <v>251</v>
      </c>
      <c r="E2331" s="49">
        <v>72.5</v>
      </c>
      <c r="F2331" s="49">
        <v>13.5</v>
      </c>
      <c r="G2331" s="50">
        <v>13.9</v>
      </c>
    </row>
    <row r="2333" spans="1:25" x14ac:dyDescent="0.2">
      <c r="A2333" s="26" t="s">
        <v>25</v>
      </c>
      <c r="B2333" t="s">
        <v>35</v>
      </c>
      <c r="C2333" t="s">
        <v>35</v>
      </c>
    </row>
    <row r="2334" spans="1:25" x14ac:dyDescent="0.2">
      <c r="B2334" s="74" t="s">
        <v>149</v>
      </c>
      <c r="C2334" s="75"/>
      <c r="D2334" s="75"/>
      <c r="E2334" s="75"/>
      <c r="F2334" s="75"/>
      <c r="G2334" s="75"/>
      <c r="H2334" s="75"/>
      <c r="I2334" s="75"/>
      <c r="J2334" s="75"/>
      <c r="K2334" s="75"/>
      <c r="L2334" s="75"/>
      <c r="M2334" s="75"/>
      <c r="N2334" s="75"/>
      <c r="O2334" s="75"/>
      <c r="P2334" s="75"/>
      <c r="Q2334" s="75"/>
      <c r="R2334" s="75"/>
      <c r="S2334" s="75"/>
      <c r="T2334" s="75"/>
      <c r="U2334" s="75"/>
      <c r="V2334" s="75"/>
      <c r="W2334" s="75"/>
      <c r="X2334" s="75"/>
      <c r="Y2334" s="75"/>
    </row>
    <row r="2335" spans="1:25" s="32" customFormat="1" ht="47.25" customHeight="1" x14ac:dyDescent="0.15">
      <c r="A2335" s="31"/>
      <c r="D2335" s="33" t="s">
        <v>242</v>
      </c>
      <c r="E2335" s="35" t="s">
        <v>382</v>
      </c>
      <c r="F2335" s="36" t="s">
        <v>385</v>
      </c>
      <c r="G2335" s="36" t="s">
        <v>386</v>
      </c>
      <c r="H2335" s="36" t="s">
        <v>377</v>
      </c>
      <c r="I2335" s="37" t="s">
        <v>384</v>
      </c>
      <c r="J2335" s="34" t="s">
        <v>251</v>
      </c>
    </row>
    <row r="2336" spans="1:25" x14ac:dyDescent="0.2">
      <c r="B2336" s="5"/>
      <c r="C2336" s="41" t="s">
        <v>38</v>
      </c>
      <c r="D2336" s="42">
        <v>730</v>
      </c>
      <c r="E2336" s="43">
        <v>61</v>
      </c>
      <c r="F2336" s="43">
        <v>23.6</v>
      </c>
      <c r="G2336" s="43">
        <v>5.0999999999999996</v>
      </c>
      <c r="H2336" s="43">
        <v>1.8</v>
      </c>
      <c r="I2336" s="44">
        <v>8.6</v>
      </c>
    </row>
    <row r="2337" spans="2:9" x14ac:dyDescent="0.2">
      <c r="B2337" s="76" t="s">
        <v>37</v>
      </c>
      <c r="C2337" s="39" t="s">
        <v>39</v>
      </c>
      <c r="D2337" s="45">
        <v>36</v>
      </c>
      <c r="E2337" s="46">
        <v>58.3</v>
      </c>
      <c r="F2337" s="46">
        <v>27.8</v>
      </c>
      <c r="G2337" s="46">
        <v>0</v>
      </c>
      <c r="H2337" s="46">
        <v>0</v>
      </c>
      <c r="I2337" s="47">
        <v>13.9</v>
      </c>
    </row>
    <row r="2338" spans="2:9" x14ac:dyDescent="0.2">
      <c r="B2338" s="76"/>
      <c r="C2338" s="39" t="s">
        <v>40</v>
      </c>
      <c r="D2338" s="45">
        <v>155</v>
      </c>
      <c r="E2338" s="46">
        <v>49.7</v>
      </c>
      <c r="F2338" s="46">
        <v>34.799999999999997</v>
      </c>
      <c r="G2338" s="46">
        <v>5.2</v>
      </c>
      <c r="H2338" s="46">
        <v>3.2</v>
      </c>
      <c r="I2338" s="47">
        <v>7.1</v>
      </c>
    </row>
    <row r="2339" spans="2:9" ht="21.6" x14ac:dyDescent="0.2">
      <c r="B2339" s="76"/>
      <c r="C2339" s="39" t="s">
        <v>41</v>
      </c>
      <c r="D2339" s="45">
        <v>11</v>
      </c>
      <c r="E2339" s="46">
        <v>54.5</v>
      </c>
      <c r="F2339" s="46">
        <v>36.4</v>
      </c>
      <c r="G2339" s="46">
        <v>9.1</v>
      </c>
      <c r="H2339" s="46">
        <v>0</v>
      </c>
      <c r="I2339" s="47">
        <v>0</v>
      </c>
    </row>
    <row r="2340" spans="2:9" ht="21.6" x14ac:dyDescent="0.2">
      <c r="B2340" s="76"/>
      <c r="C2340" s="39" t="s">
        <v>42</v>
      </c>
      <c r="D2340" s="45">
        <v>113</v>
      </c>
      <c r="E2340" s="46">
        <v>56.6</v>
      </c>
      <c r="F2340" s="46">
        <v>31.9</v>
      </c>
      <c r="G2340" s="46">
        <v>7.1</v>
      </c>
      <c r="H2340" s="46">
        <v>1.8</v>
      </c>
      <c r="I2340" s="47">
        <v>2.7</v>
      </c>
    </row>
    <row r="2341" spans="2:9" ht="21.6" x14ac:dyDescent="0.2">
      <c r="B2341" s="76"/>
      <c r="C2341" s="39" t="s">
        <v>43</v>
      </c>
      <c r="D2341" s="45">
        <v>140</v>
      </c>
      <c r="E2341" s="46">
        <v>70.7</v>
      </c>
      <c r="F2341" s="46">
        <v>12.1</v>
      </c>
      <c r="G2341" s="46">
        <v>6.4</v>
      </c>
      <c r="H2341" s="46">
        <v>2.1</v>
      </c>
      <c r="I2341" s="47">
        <v>8.6</v>
      </c>
    </row>
    <row r="2342" spans="2:9" ht="21.6" x14ac:dyDescent="0.2">
      <c r="B2342" s="76"/>
      <c r="C2342" s="39" t="s">
        <v>44</v>
      </c>
      <c r="D2342" s="45">
        <v>73</v>
      </c>
      <c r="E2342" s="46">
        <v>65.8</v>
      </c>
      <c r="F2342" s="46">
        <v>21.9</v>
      </c>
      <c r="G2342" s="46">
        <v>2.7</v>
      </c>
      <c r="H2342" s="46">
        <v>1.4</v>
      </c>
      <c r="I2342" s="47">
        <v>8.1999999999999993</v>
      </c>
    </row>
    <row r="2343" spans="2:9" ht="21.6" x14ac:dyDescent="0.2">
      <c r="B2343" s="76"/>
      <c r="C2343" s="39" t="s">
        <v>45</v>
      </c>
      <c r="D2343" s="45">
        <v>202</v>
      </c>
      <c r="E2343" s="46">
        <v>64.400000000000006</v>
      </c>
      <c r="F2343" s="46">
        <v>17.3</v>
      </c>
      <c r="G2343" s="46">
        <v>4.5</v>
      </c>
      <c r="H2343" s="46">
        <v>1</v>
      </c>
      <c r="I2343" s="47">
        <v>12.9</v>
      </c>
    </row>
    <row r="2344" spans="2:9" ht="21.6" x14ac:dyDescent="0.2">
      <c r="B2344" s="76"/>
      <c r="C2344" s="39" t="s">
        <v>46</v>
      </c>
      <c r="D2344" s="45">
        <v>82</v>
      </c>
      <c r="E2344" s="46">
        <v>52.4</v>
      </c>
      <c r="F2344" s="46">
        <v>30.5</v>
      </c>
      <c r="G2344" s="46">
        <v>3.7</v>
      </c>
      <c r="H2344" s="46">
        <v>2.4</v>
      </c>
      <c r="I2344" s="47">
        <v>11</v>
      </c>
    </row>
    <row r="2345" spans="2:9" ht="21.6" x14ac:dyDescent="0.2">
      <c r="B2345" s="76"/>
      <c r="C2345" s="39" t="s">
        <v>47</v>
      </c>
      <c r="D2345" s="45">
        <v>145</v>
      </c>
      <c r="E2345" s="46">
        <v>49.7</v>
      </c>
      <c r="F2345" s="46">
        <v>28.3</v>
      </c>
      <c r="G2345" s="46">
        <v>7.6</v>
      </c>
      <c r="H2345" s="46">
        <v>4.0999999999999996</v>
      </c>
      <c r="I2345" s="47">
        <v>10.3</v>
      </c>
    </row>
    <row r="2346" spans="2:9" ht="21.6" x14ac:dyDescent="0.2">
      <c r="B2346" s="76"/>
      <c r="C2346" s="39" t="s">
        <v>48</v>
      </c>
      <c r="D2346" s="45">
        <v>137</v>
      </c>
      <c r="E2346" s="46">
        <v>59.9</v>
      </c>
      <c r="F2346" s="46">
        <v>27</v>
      </c>
      <c r="G2346" s="46">
        <v>4.4000000000000004</v>
      </c>
      <c r="H2346" s="46">
        <v>0</v>
      </c>
      <c r="I2346" s="47">
        <v>8.8000000000000007</v>
      </c>
    </row>
    <row r="2347" spans="2:9" ht="21.6" x14ac:dyDescent="0.2">
      <c r="B2347" s="76"/>
      <c r="C2347" s="39" t="s">
        <v>49</v>
      </c>
      <c r="D2347" s="45">
        <v>134</v>
      </c>
      <c r="E2347" s="46">
        <v>61.9</v>
      </c>
      <c r="F2347" s="46">
        <v>23.1</v>
      </c>
      <c r="G2347" s="46">
        <v>7.5</v>
      </c>
      <c r="H2347" s="46">
        <v>3</v>
      </c>
      <c r="I2347" s="47">
        <v>4.5</v>
      </c>
    </row>
    <row r="2348" spans="2:9" ht="21.6" x14ac:dyDescent="0.2">
      <c r="B2348" s="76"/>
      <c r="C2348" s="39" t="s">
        <v>50</v>
      </c>
      <c r="D2348" s="45">
        <v>71</v>
      </c>
      <c r="E2348" s="46">
        <v>69</v>
      </c>
      <c r="F2348" s="46">
        <v>21.1</v>
      </c>
      <c r="G2348" s="46">
        <v>4.2</v>
      </c>
      <c r="H2348" s="46">
        <v>0</v>
      </c>
      <c r="I2348" s="47">
        <v>5.6</v>
      </c>
    </row>
    <row r="2349" spans="2:9" ht="21.6" x14ac:dyDescent="0.2">
      <c r="B2349" s="76"/>
      <c r="C2349" s="39" t="s">
        <v>51</v>
      </c>
      <c r="D2349" s="45">
        <v>77</v>
      </c>
      <c r="E2349" s="46">
        <v>77.900000000000006</v>
      </c>
      <c r="F2349" s="46">
        <v>11.7</v>
      </c>
      <c r="G2349" s="46">
        <v>1.3</v>
      </c>
      <c r="H2349" s="46">
        <v>0</v>
      </c>
      <c r="I2349" s="47">
        <v>9.1</v>
      </c>
    </row>
    <row r="2350" spans="2:9" ht="21.6" x14ac:dyDescent="0.2">
      <c r="B2350" s="76"/>
      <c r="C2350" s="39" t="s">
        <v>52</v>
      </c>
      <c r="D2350" s="45">
        <v>126</v>
      </c>
      <c r="E2350" s="46">
        <v>57.9</v>
      </c>
      <c r="F2350" s="46">
        <v>25.4</v>
      </c>
      <c r="G2350" s="46">
        <v>4.8</v>
      </c>
      <c r="H2350" s="46">
        <v>0.8</v>
      </c>
      <c r="I2350" s="47">
        <v>11.1</v>
      </c>
    </row>
    <row r="2351" spans="2:9" x14ac:dyDescent="0.2">
      <c r="B2351" s="76"/>
      <c r="C2351" s="39" t="s">
        <v>53</v>
      </c>
      <c r="D2351" s="45">
        <v>96</v>
      </c>
      <c r="E2351" s="46">
        <v>57.3</v>
      </c>
      <c r="F2351" s="46">
        <v>26</v>
      </c>
      <c r="G2351" s="46">
        <v>3.1</v>
      </c>
      <c r="H2351" s="46">
        <v>2.1</v>
      </c>
      <c r="I2351" s="47">
        <v>11.5</v>
      </c>
    </row>
    <row r="2352" spans="2:9" ht="21.6" x14ac:dyDescent="0.2">
      <c r="B2352" s="76"/>
      <c r="C2352" s="39" t="s">
        <v>54</v>
      </c>
      <c r="D2352" s="45">
        <v>185</v>
      </c>
      <c r="E2352" s="46">
        <v>61.1</v>
      </c>
      <c r="F2352" s="46">
        <v>23.2</v>
      </c>
      <c r="G2352" s="46">
        <v>4.9000000000000004</v>
      </c>
      <c r="H2352" s="46">
        <v>2.7</v>
      </c>
      <c r="I2352" s="47">
        <v>8.1</v>
      </c>
    </row>
    <row r="2353" spans="1:25" ht="21.6" x14ac:dyDescent="0.2">
      <c r="B2353" s="76"/>
      <c r="C2353" s="39" t="s">
        <v>55</v>
      </c>
      <c r="D2353" s="45">
        <v>231</v>
      </c>
      <c r="E2353" s="46">
        <v>59.3</v>
      </c>
      <c r="F2353" s="46">
        <v>27.7</v>
      </c>
      <c r="G2353" s="46">
        <v>6.5</v>
      </c>
      <c r="H2353" s="46">
        <v>1.3</v>
      </c>
      <c r="I2353" s="47">
        <v>5.2</v>
      </c>
    </row>
    <row r="2354" spans="1:25" ht="21.6" x14ac:dyDescent="0.2">
      <c r="B2354" s="76"/>
      <c r="C2354" s="39" t="s">
        <v>56</v>
      </c>
      <c r="D2354" s="45">
        <v>295</v>
      </c>
      <c r="E2354" s="46">
        <v>60</v>
      </c>
      <c r="F2354" s="46">
        <v>28.1</v>
      </c>
      <c r="G2354" s="46">
        <v>4.7</v>
      </c>
      <c r="H2354" s="46">
        <v>0.7</v>
      </c>
      <c r="I2354" s="47">
        <v>6.4</v>
      </c>
    </row>
    <row r="2355" spans="1:25" x14ac:dyDescent="0.2">
      <c r="B2355" s="76"/>
      <c r="C2355" s="40" t="s">
        <v>57</v>
      </c>
      <c r="D2355" s="48">
        <v>323</v>
      </c>
      <c r="E2355" s="49">
        <v>57.9</v>
      </c>
      <c r="F2355" s="49">
        <v>23.8</v>
      </c>
      <c r="G2355" s="49">
        <v>5.9</v>
      </c>
      <c r="H2355" s="49">
        <v>2.2000000000000002</v>
      </c>
      <c r="I2355" s="50">
        <v>10.199999999999999</v>
      </c>
    </row>
    <row r="2357" spans="1:25" x14ac:dyDescent="0.2">
      <c r="C2357" t="s">
        <v>35</v>
      </c>
    </row>
    <row r="2358" spans="1:25" x14ac:dyDescent="0.2">
      <c r="B2358" s="74" t="s">
        <v>223</v>
      </c>
      <c r="C2358" s="75"/>
      <c r="D2358" s="75"/>
      <c r="E2358" s="75"/>
      <c r="F2358" s="75"/>
      <c r="G2358" s="75"/>
      <c r="H2358" s="75"/>
      <c r="I2358" s="75"/>
      <c r="J2358" s="75"/>
      <c r="K2358" s="75"/>
      <c r="L2358" s="75"/>
      <c r="M2358" s="75"/>
      <c r="N2358" s="75"/>
      <c r="O2358" s="75"/>
      <c r="P2358" s="75"/>
      <c r="Q2358" s="75"/>
      <c r="R2358" s="75"/>
      <c r="S2358" s="75"/>
      <c r="T2358" s="75"/>
      <c r="U2358" s="75"/>
      <c r="V2358" s="75"/>
      <c r="W2358" s="75"/>
      <c r="X2358" s="75"/>
      <c r="Y2358" s="75"/>
    </row>
    <row r="2359" spans="1:25" s="32" customFormat="1" ht="47.25" customHeight="1" x14ac:dyDescent="0.15">
      <c r="A2359" s="31"/>
      <c r="D2359" s="33" t="s">
        <v>242</v>
      </c>
      <c r="E2359" s="35" t="s">
        <v>382</v>
      </c>
      <c r="F2359" s="36" t="s">
        <v>385</v>
      </c>
      <c r="G2359" s="36" t="s">
        <v>386</v>
      </c>
      <c r="H2359" s="36" t="s">
        <v>377</v>
      </c>
      <c r="I2359" s="37" t="s">
        <v>384</v>
      </c>
      <c r="J2359" s="34" t="s">
        <v>251</v>
      </c>
    </row>
    <row r="2360" spans="1:25" ht="21.6" x14ac:dyDescent="0.2">
      <c r="B2360" s="76" t="s">
        <v>37</v>
      </c>
      <c r="C2360" s="38" t="s">
        <v>58</v>
      </c>
      <c r="D2360" s="51">
        <v>214</v>
      </c>
      <c r="E2360" s="52">
        <v>63.6</v>
      </c>
      <c r="F2360" s="52">
        <v>27.6</v>
      </c>
      <c r="G2360" s="52">
        <v>2.8</v>
      </c>
      <c r="H2360" s="52">
        <v>0.5</v>
      </c>
      <c r="I2360" s="53">
        <v>5.6</v>
      </c>
    </row>
    <row r="2361" spans="1:25" ht="21.6" x14ac:dyDescent="0.2">
      <c r="B2361" s="76"/>
      <c r="C2361" s="39" t="s">
        <v>59</v>
      </c>
      <c r="D2361" s="45">
        <v>516</v>
      </c>
      <c r="E2361" s="46">
        <v>59.9</v>
      </c>
      <c r="F2361" s="46">
        <v>21.9</v>
      </c>
      <c r="G2361" s="46">
        <v>6</v>
      </c>
      <c r="H2361" s="46">
        <v>2.2999999999999998</v>
      </c>
      <c r="I2361" s="47">
        <v>9.9</v>
      </c>
    </row>
    <row r="2362" spans="1:25" x14ac:dyDescent="0.2">
      <c r="B2362" s="76"/>
      <c r="C2362" s="39" t="s">
        <v>60</v>
      </c>
      <c r="D2362" s="45">
        <v>478</v>
      </c>
      <c r="E2362" s="46">
        <v>62.3</v>
      </c>
      <c r="F2362" s="46">
        <v>22.2</v>
      </c>
      <c r="G2362" s="46">
        <v>5.4</v>
      </c>
      <c r="H2362" s="46">
        <v>2.2999999999999998</v>
      </c>
      <c r="I2362" s="47">
        <v>7.7</v>
      </c>
    </row>
    <row r="2363" spans="1:25" x14ac:dyDescent="0.2">
      <c r="B2363" s="76"/>
      <c r="C2363" s="39" t="s">
        <v>61</v>
      </c>
      <c r="D2363" s="45">
        <v>252</v>
      </c>
      <c r="E2363" s="46">
        <v>58.3</v>
      </c>
      <c r="F2363" s="46">
        <v>26.2</v>
      </c>
      <c r="G2363" s="46">
        <v>4.4000000000000004</v>
      </c>
      <c r="H2363" s="46">
        <v>0.8</v>
      </c>
      <c r="I2363" s="47">
        <v>10.3</v>
      </c>
    </row>
    <row r="2364" spans="1:25" x14ac:dyDescent="0.2">
      <c r="B2364" s="76"/>
      <c r="C2364" s="39" t="s">
        <v>62</v>
      </c>
      <c r="D2364" s="45">
        <v>354</v>
      </c>
      <c r="E2364" s="46">
        <v>44.4</v>
      </c>
      <c r="F2364" s="46">
        <v>42.1</v>
      </c>
      <c r="G2364" s="46">
        <v>6.5</v>
      </c>
      <c r="H2364" s="46">
        <v>2.8</v>
      </c>
      <c r="I2364" s="47">
        <v>4.2</v>
      </c>
    </row>
    <row r="2365" spans="1:25" ht="21.6" x14ac:dyDescent="0.2">
      <c r="B2365" s="76"/>
      <c r="C2365" s="39" t="s">
        <v>63</v>
      </c>
      <c r="D2365" s="45">
        <v>16</v>
      </c>
      <c r="E2365" s="46">
        <v>75</v>
      </c>
      <c r="F2365" s="46">
        <v>18.8</v>
      </c>
      <c r="G2365" s="46">
        <v>0</v>
      </c>
      <c r="H2365" s="46">
        <v>6.3</v>
      </c>
      <c r="I2365" s="47">
        <v>0</v>
      </c>
    </row>
    <row r="2366" spans="1:25" x14ac:dyDescent="0.2">
      <c r="B2366" s="76"/>
      <c r="C2366" s="39" t="s">
        <v>64</v>
      </c>
      <c r="D2366" s="45">
        <v>79</v>
      </c>
      <c r="E2366" s="46">
        <v>62</v>
      </c>
      <c r="F2366" s="46">
        <v>31.6</v>
      </c>
      <c r="G2366" s="46">
        <v>2.5</v>
      </c>
      <c r="H2366" s="46">
        <v>2.5</v>
      </c>
      <c r="I2366" s="47">
        <v>1.3</v>
      </c>
    </row>
    <row r="2367" spans="1:25" x14ac:dyDescent="0.2">
      <c r="B2367" s="76"/>
      <c r="C2367" s="39" t="s">
        <v>65</v>
      </c>
      <c r="D2367" s="45">
        <v>124</v>
      </c>
      <c r="E2367" s="46">
        <v>41.9</v>
      </c>
      <c r="F2367" s="46">
        <v>46</v>
      </c>
      <c r="G2367" s="46">
        <v>4.8</v>
      </c>
      <c r="H2367" s="46">
        <v>0.8</v>
      </c>
      <c r="I2367" s="47">
        <v>6.5</v>
      </c>
    </row>
    <row r="2368" spans="1:25" x14ac:dyDescent="0.2">
      <c r="B2368" s="76"/>
      <c r="C2368" s="39" t="s">
        <v>66</v>
      </c>
      <c r="D2368" s="45">
        <v>107</v>
      </c>
      <c r="E2368" s="46">
        <v>33.6</v>
      </c>
      <c r="F2368" s="46">
        <v>51.4</v>
      </c>
      <c r="G2368" s="46">
        <v>7.5</v>
      </c>
      <c r="H2368" s="46">
        <v>4.7</v>
      </c>
      <c r="I2368" s="47">
        <v>2.8</v>
      </c>
    </row>
    <row r="2369" spans="1:25" x14ac:dyDescent="0.2">
      <c r="B2369" s="76"/>
      <c r="C2369" s="39" t="s">
        <v>67</v>
      </c>
      <c r="D2369" s="45">
        <v>28</v>
      </c>
      <c r="E2369" s="46">
        <v>28.6</v>
      </c>
      <c r="F2369" s="46">
        <v>32.1</v>
      </c>
      <c r="G2369" s="46">
        <v>25</v>
      </c>
      <c r="H2369" s="46">
        <v>3.6</v>
      </c>
      <c r="I2369" s="47">
        <v>10.7</v>
      </c>
    </row>
    <row r="2370" spans="1:25" x14ac:dyDescent="0.2">
      <c r="B2370" s="76"/>
      <c r="C2370" s="39" t="s">
        <v>68</v>
      </c>
      <c r="D2370" s="45">
        <v>331</v>
      </c>
      <c r="E2370" s="46">
        <v>45.6</v>
      </c>
      <c r="F2370" s="46">
        <v>42.3</v>
      </c>
      <c r="G2370" s="46">
        <v>5.7</v>
      </c>
      <c r="H2370" s="46">
        <v>2.4</v>
      </c>
      <c r="I2370" s="47">
        <v>3.9</v>
      </c>
    </row>
    <row r="2371" spans="1:25" x14ac:dyDescent="0.2">
      <c r="B2371" s="76"/>
      <c r="C2371" s="39" t="s">
        <v>69</v>
      </c>
      <c r="D2371" s="45">
        <v>23</v>
      </c>
      <c r="E2371" s="46">
        <v>26.1</v>
      </c>
      <c r="F2371" s="46">
        <v>39.1</v>
      </c>
      <c r="G2371" s="46">
        <v>17.399999999999999</v>
      </c>
      <c r="H2371" s="46">
        <v>8.6999999999999993</v>
      </c>
      <c r="I2371" s="47">
        <v>8.6999999999999993</v>
      </c>
    </row>
    <row r="2372" spans="1:25" x14ac:dyDescent="0.2">
      <c r="B2372" s="76"/>
      <c r="C2372" s="39" t="s">
        <v>70</v>
      </c>
      <c r="D2372" s="45">
        <v>376</v>
      </c>
      <c r="E2372" s="46">
        <v>76.599999999999994</v>
      </c>
      <c r="F2372" s="46">
        <v>6.1</v>
      </c>
      <c r="G2372" s="46">
        <v>3.7</v>
      </c>
      <c r="H2372" s="46">
        <v>0.8</v>
      </c>
      <c r="I2372" s="47">
        <v>12.8</v>
      </c>
    </row>
    <row r="2373" spans="1:25" ht="21.6" x14ac:dyDescent="0.2">
      <c r="B2373" s="76"/>
      <c r="C2373" s="39" t="s">
        <v>63</v>
      </c>
      <c r="D2373" s="45">
        <v>31</v>
      </c>
      <c r="E2373" s="46">
        <v>90.3</v>
      </c>
      <c r="F2373" s="46">
        <v>3.2</v>
      </c>
      <c r="G2373" s="46">
        <v>0</v>
      </c>
      <c r="H2373" s="46">
        <v>0</v>
      </c>
      <c r="I2373" s="47">
        <v>6.5</v>
      </c>
    </row>
    <row r="2374" spans="1:25" x14ac:dyDescent="0.2">
      <c r="B2374" s="76"/>
      <c r="C2374" s="39" t="s">
        <v>64</v>
      </c>
      <c r="D2374" s="45">
        <v>90</v>
      </c>
      <c r="E2374" s="46">
        <v>85.6</v>
      </c>
      <c r="F2374" s="46">
        <v>5.6</v>
      </c>
      <c r="G2374" s="46">
        <v>1.1000000000000001</v>
      </c>
      <c r="H2374" s="46">
        <v>1.1000000000000001</v>
      </c>
      <c r="I2374" s="47">
        <v>6.7</v>
      </c>
    </row>
    <row r="2375" spans="1:25" x14ac:dyDescent="0.2">
      <c r="B2375" s="76"/>
      <c r="C2375" s="39" t="s">
        <v>65</v>
      </c>
      <c r="D2375" s="45">
        <v>120</v>
      </c>
      <c r="E2375" s="46">
        <v>80.8</v>
      </c>
      <c r="F2375" s="46">
        <v>4.2</v>
      </c>
      <c r="G2375" s="46">
        <v>3.3</v>
      </c>
      <c r="H2375" s="46">
        <v>0.8</v>
      </c>
      <c r="I2375" s="47">
        <v>10.8</v>
      </c>
    </row>
    <row r="2376" spans="1:25" x14ac:dyDescent="0.2">
      <c r="B2376" s="76"/>
      <c r="C2376" s="39" t="s">
        <v>66</v>
      </c>
      <c r="D2376" s="45">
        <v>106</v>
      </c>
      <c r="E2376" s="46">
        <v>68.900000000000006</v>
      </c>
      <c r="F2376" s="46">
        <v>5.7</v>
      </c>
      <c r="G2376" s="46">
        <v>4.7</v>
      </c>
      <c r="H2376" s="46">
        <v>0.9</v>
      </c>
      <c r="I2376" s="47">
        <v>19.8</v>
      </c>
    </row>
    <row r="2377" spans="1:25" x14ac:dyDescent="0.2">
      <c r="B2377" s="76"/>
      <c r="C2377" s="39" t="s">
        <v>67</v>
      </c>
      <c r="D2377" s="45">
        <v>29</v>
      </c>
      <c r="E2377" s="46">
        <v>44.8</v>
      </c>
      <c r="F2377" s="46">
        <v>20.7</v>
      </c>
      <c r="G2377" s="46">
        <v>13.8</v>
      </c>
      <c r="H2377" s="46">
        <v>0</v>
      </c>
      <c r="I2377" s="47">
        <v>20.7</v>
      </c>
    </row>
    <row r="2378" spans="1:25" x14ac:dyDescent="0.2">
      <c r="B2378" s="76"/>
      <c r="C2378" s="39" t="s">
        <v>68</v>
      </c>
      <c r="D2378" s="45">
        <v>125</v>
      </c>
      <c r="E2378" s="46">
        <v>84.8</v>
      </c>
      <c r="F2378" s="46">
        <v>3.2</v>
      </c>
      <c r="G2378" s="46">
        <v>1.6</v>
      </c>
      <c r="H2378" s="46">
        <v>0</v>
      </c>
      <c r="I2378" s="47">
        <v>10.4</v>
      </c>
    </row>
    <row r="2379" spans="1:25" x14ac:dyDescent="0.2">
      <c r="B2379" s="76"/>
      <c r="C2379" s="40" t="s">
        <v>69</v>
      </c>
      <c r="D2379" s="48">
        <v>251</v>
      </c>
      <c r="E2379" s="49">
        <v>72.5</v>
      </c>
      <c r="F2379" s="49">
        <v>7.6</v>
      </c>
      <c r="G2379" s="49">
        <v>4.8</v>
      </c>
      <c r="H2379" s="49">
        <v>1.2</v>
      </c>
      <c r="I2379" s="50">
        <v>13.9</v>
      </c>
    </row>
    <row r="2381" spans="1:25" x14ac:dyDescent="0.2">
      <c r="A2381" s="26" t="s">
        <v>25</v>
      </c>
      <c r="B2381" t="s">
        <v>35</v>
      </c>
      <c r="C2381" t="s">
        <v>35</v>
      </c>
    </row>
    <row r="2382" spans="1:25" x14ac:dyDescent="0.2">
      <c r="B2382" s="74" t="s">
        <v>150</v>
      </c>
      <c r="C2382" s="75"/>
      <c r="D2382" s="75"/>
      <c r="E2382" s="75"/>
      <c r="F2382" s="75"/>
      <c r="G2382" s="75"/>
      <c r="H2382" s="75"/>
      <c r="I2382" s="75"/>
      <c r="J2382" s="75"/>
      <c r="K2382" s="75"/>
      <c r="L2382" s="75"/>
      <c r="M2382" s="75"/>
      <c r="N2382" s="75"/>
      <c r="O2382" s="75"/>
      <c r="P2382" s="75"/>
      <c r="Q2382" s="75"/>
      <c r="R2382" s="75"/>
      <c r="S2382" s="75"/>
      <c r="T2382" s="75"/>
      <c r="U2382" s="75"/>
      <c r="V2382" s="75"/>
      <c r="W2382" s="75"/>
      <c r="X2382" s="75"/>
      <c r="Y2382" s="75"/>
    </row>
    <row r="2383" spans="1:25" s="32" customFormat="1" ht="47.25" customHeight="1" x14ac:dyDescent="0.15">
      <c r="A2383" s="31"/>
      <c r="D2383" s="33" t="s">
        <v>242</v>
      </c>
      <c r="E2383" s="35" t="s">
        <v>387</v>
      </c>
      <c r="F2383" s="36" t="s">
        <v>388</v>
      </c>
      <c r="G2383" s="36" t="s">
        <v>389</v>
      </c>
      <c r="H2383" s="36" t="s">
        <v>390</v>
      </c>
      <c r="I2383" s="36" t="s">
        <v>391</v>
      </c>
      <c r="J2383" s="36" t="s">
        <v>392</v>
      </c>
      <c r="K2383" s="36" t="s">
        <v>393</v>
      </c>
      <c r="L2383" s="36" t="s">
        <v>394</v>
      </c>
      <c r="M2383" s="37" t="s">
        <v>276</v>
      </c>
      <c r="N2383" s="34" t="s">
        <v>251</v>
      </c>
    </row>
    <row r="2384" spans="1:25" x14ac:dyDescent="0.2">
      <c r="B2384" s="5"/>
      <c r="C2384" s="41" t="s">
        <v>38</v>
      </c>
      <c r="D2384" s="42">
        <v>2000</v>
      </c>
      <c r="E2384" s="43">
        <v>6.6</v>
      </c>
      <c r="F2384" s="43">
        <v>9</v>
      </c>
      <c r="G2384" s="43">
        <v>13.5</v>
      </c>
      <c r="H2384" s="43">
        <v>13.1</v>
      </c>
      <c r="I2384" s="43">
        <v>6.2</v>
      </c>
      <c r="J2384" s="43">
        <v>6.4</v>
      </c>
      <c r="K2384" s="43">
        <v>9.4</v>
      </c>
      <c r="L2384" s="43">
        <v>21.4</v>
      </c>
      <c r="M2384" s="44">
        <v>14.7</v>
      </c>
    </row>
    <row r="2385" spans="2:13" x14ac:dyDescent="0.2">
      <c r="B2385" s="76" t="s">
        <v>37</v>
      </c>
      <c r="C2385" s="39" t="s">
        <v>39</v>
      </c>
      <c r="D2385" s="45">
        <v>111</v>
      </c>
      <c r="E2385" s="46">
        <v>13.5</v>
      </c>
      <c r="F2385" s="46">
        <v>16.2</v>
      </c>
      <c r="G2385" s="46">
        <v>18</v>
      </c>
      <c r="H2385" s="46">
        <v>15.3</v>
      </c>
      <c r="I2385" s="46">
        <v>7.2</v>
      </c>
      <c r="J2385" s="46">
        <v>7.2</v>
      </c>
      <c r="K2385" s="46">
        <v>8.1</v>
      </c>
      <c r="L2385" s="46">
        <v>11.7</v>
      </c>
      <c r="M2385" s="47">
        <v>2.7</v>
      </c>
    </row>
    <row r="2386" spans="2:13" x14ac:dyDescent="0.2">
      <c r="B2386" s="76"/>
      <c r="C2386" s="39" t="s">
        <v>40</v>
      </c>
      <c r="D2386" s="45">
        <v>450</v>
      </c>
      <c r="E2386" s="46">
        <v>4.4000000000000004</v>
      </c>
      <c r="F2386" s="46">
        <v>6.9</v>
      </c>
      <c r="G2386" s="46">
        <v>13.8</v>
      </c>
      <c r="H2386" s="46">
        <v>14.7</v>
      </c>
      <c r="I2386" s="46">
        <v>9.1</v>
      </c>
      <c r="J2386" s="46">
        <v>8</v>
      </c>
      <c r="K2386" s="46">
        <v>9.1</v>
      </c>
      <c r="L2386" s="46">
        <v>27.3</v>
      </c>
      <c r="M2386" s="47">
        <v>6.7</v>
      </c>
    </row>
    <row r="2387" spans="2:13" ht="21.6" x14ac:dyDescent="0.2">
      <c r="B2387" s="76"/>
      <c r="C2387" s="39" t="s">
        <v>41</v>
      </c>
      <c r="D2387" s="45">
        <v>30</v>
      </c>
      <c r="E2387" s="46">
        <v>10</v>
      </c>
      <c r="F2387" s="46">
        <v>6.7</v>
      </c>
      <c r="G2387" s="46">
        <v>10</v>
      </c>
      <c r="H2387" s="46">
        <v>6.7</v>
      </c>
      <c r="I2387" s="46">
        <v>0</v>
      </c>
      <c r="J2387" s="46">
        <v>0</v>
      </c>
      <c r="K2387" s="46">
        <v>23.3</v>
      </c>
      <c r="L2387" s="46">
        <v>23.3</v>
      </c>
      <c r="M2387" s="47">
        <v>20</v>
      </c>
    </row>
    <row r="2388" spans="2:13" ht="21.6" x14ac:dyDescent="0.2">
      <c r="B2388" s="76"/>
      <c r="C2388" s="39" t="s">
        <v>42</v>
      </c>
      <c r="D2388" s="45">
        <v>336</v>
      </c>
      <c r="E2388" s="46">
        <v>4.5</v>
      </c>
      <c r="F2388" s="46">
        <v>5.4</v>
      </c>
      <c r="G2388" s="46">
        <v>10.7</v>
      </c>
      <c r="H2388" s="46">
        <v>13.4</v>
      </c>
      <c r="I2388" s="46">
        <v>6.8</v>
      </c>
      <c r="J2388" s="46">
        <v>5.7</v>
      </c>
      <c r="K2388" s="46">
        <v>13.4</v>
      </c>
      <c r="L2388" s="46">
        <v>29.2</v>
      </c>
      <c r="M2388" s="47">
        <v>11</v>
      </c>
    </row>
    <row r="2389" spans="2:13" ht="21.6" x14ac:dyDescent="0.2">
      <c r="B2389" s="76"/>
      <c r="C2389" s="39" t="s">
        <v>43</v>
      </c>
      <c r="D2389" s="45">
        <v>327</v>
      </c>
      <c r="E2389" s="46">
        <v>9.5</v>
      </c>
      <c r="F2389" s="46">
        <v>11.9</v>
      </c>
      <c r="G2389" s="46">
        <v>13.8</v>
      </c>
      <c r="H2389" s="46">
        <v>11</v>
      </c>
      <c r="I2389" s="46">
        <v>6.1</v>
      </c>
      <c r="J2389" s="46">
        <v>5.2</v>
      </c>
      <c r="K2389" s="46">
        <v>5.8</v>
      </c>
      <c r="L2389" s="46">
        <v>16.5</v>
      </c>
      <c r="M2389" s="47">
        <v>20.2</v>
      </c>
    </row>
    <row r="2390" spans="2:13" ht="21.6" x14ac:dyDescent="0.2">
      <c r="B2390" s="76"/>
      <c r="C2390" s="39" t="s">
        <v>44</v>
      </c>
      <c r="D2390" s="45">
        <v>181</v>
      </c>
      <c r="E2390" s="46">
        <v>6.6</v>
      </c>
      <c r="F2390" s="46">
        <v>5</v>
      </c>
      <c r="G2390" s="46">
        <v>6.6</v>
      </c>
      <c r="H2390" s="46">
        <v>7.7</v>
      </c>
      <c r="I2390" s="46">
        <v>4.4000000000000004</v>
      </c>
      <c r="J2390" s="46">
        <v>5</v>
      </c>
      <c r="K2390" s="46">
        <v>14.9</v>
      </c>
      <c r="L2390" s="46">
        <v>39.200000000000003</v>
      </c>
      <c r="M2390" s="47">
        <v>10.5</v>
      </c>
    </row>
    <row r="2391" spans="2:13" ht="21.6" x14ac:dyDescent="0.2">
      <c r="B2391" s="76"/>
      <c r="C2391" s="39" t="s">
        <v>45</v>
      </c>
      <c r="D2391" s="45">
        <v>565</v>
      </c>
      <c r="E2391" s="46">
        <v>6.4</v>
      </c>
      <c r="F2391" s="46">
        <v>11.2</v>
      </c>
      <c r="G2391" s="46">
        <v>16.100000000000001</v>
      </c>
      <c r="H2391" s="46">
        <v>14.3</v>
      </c>
      <c r="I2391" s="46">
        <v>4.0999999999999996</v>
      </c>
      <c r="J2391" s="46">
        <v>6.7</v>
      </c>
      <c r="K2391" s="46">
        <v>7.1</v>
      </c>
      <c r="L2391" s="46">
        <v>10.8</v>
      </c>
      <c r="M2391" s="47">
        <v>23.4</v>
      </c>
    </row>
    <row r="2392" spans="2:13" ht="21.6" x14ac:dyDescent="0.2">
      <c r="B2392" s="76"/>
      <c r="C2392" s="39" t="s">
        <v>46</v>
      </c>
      <c r="D2392" s="45">
        <v>473</v>
      </c>
      <c r="E2392" s="46">
        <v>8</v>
      </c>
      <c r="F2392" s="46">
        <v>11.6</v>
      </c>
      <c r="G2392" s="46">
        <v>15</v>
      </c>
      <c r="H2392" s="46">
        <v>14</v>
      </c>
      <c r="I2392" s="46">
        <v>5.7</v>
      </c>
      <c r="J2392" s="46">
        <v>4.2</v>
      </c>
      <c r="K2392" s="46">
        <v>6.6</v>
      </c>
      <c r="L2392" s="46">
        <v>14.6</v>
      </c>
      <c r="M2392" s="47">
        <v>20.3</v>
      </c>
    </row>
    <row r="2393" spans="2:13" ht="21.6" x14ac:dyDescent="0.2">
      <c r="B2393" s="76"/>
      <c r="C2393" s="39" t="s">
        <v>47</v>
      </c>
      <c r="D2393" s="45">
        <v>441</v>
      </c>
      <c r="E2393" s="46">
        <v>8.1999999999999993</v>
      </c>
      <c r="F2393" s="46">
        <v>9.8000000000000007</v>
      </c>
      <c r="G2393" s="46">
        <v>15.4</v>
      </c>
      <c r="H2393" s="46">
        <v>12.7</v>
      </c>
      <c r="I2393" s="46">
        <v>7</v>
      </c>
      <c r="J2393" s="46">
        <v>7.9</v>
      </c>
      <c r="K2393" s="46">
        <v>9.5</v>
      </c>
      <c r="L2393" s="46">
        <v>18.8</v>
      </c>
      <c r="M2393" s="47">
        <v>10.7</v>
      </c>
    </row>
    <row r="2394" spans="2:13" ht="21.6" x14ac:dyDescent="0.2">
      <c r="B2394" s="76"/>
      <c r="C2394" s="39" t="s">
        <v>48</v>
      </c>
      <c r="D2394" s="45">
        <v>305</v>
      </c>
      <c r="E2394" s="46">
        <v>6.9</v>
      </c>
      <c r="F2394" s="46">
        <v>9.1999999999999993</v>
      </c>
      <c r="G2394" s="46">
        <v>12.1</v>
      </c>
      <c r="H2394" s="46">
        <v>16.7</v>
      </c>
      <c r="I2394" s="46">
        <v>5.9</v>
      </c>
      <c r="J2394" s="46">
        <v>7.5</v>
      </c>
      <c r="K2394" s="46">
        <v>10.5</v>
      </c>
      <c r="L2394" s="46">
        <v>24.6</v>
      </c>
      <c r="M2394" s="47">
        <v>6.6</v>
      </c>
    </row>
    <row r="2395" spans="2:13" ht="21.6" x14ac:dyDescent="0.2">
      <c r="B2395" s="76"/>
      <c r="C2395" s="39" t="s">
        <v>49</v>
      </c>
      <c r="D2395" s="45">
        <v>223</v>
      </c>
      <c r="E2395" s="46">
        <v>3.6</v>
      </c>
      <c r="F2395" s="46">
        <v>8.5</v>
      </c>
      <c r="G2395" s="46">
        <v>9.9</v>
      </c>
      <c r="H2395" s="46">
        <v>11.2</v>
      </c>
      <c r="I2395" s="46">
        <v>10.8</v>
      </c>
      <c r="J2395" s="46">
        <v>8.5</v>
      </c>
      <c r="K2395" s="46">
        <v>11.7</v>
      </c>
      <c r="L2395" s="46">
        <v>28.7</v>
      </c>
      <c r="M2395" s="47">
        <v>7.2</v>
      </c>
    </row>
    <row r="2396" spans="2:13" ht="21.6" x14ac:dyDescent="0.2">
      <c r="B2396" s="76"/>
      <c r="C2396" s="39" t="s">
        <v>50</v>
      </c>
      <c r="D2396" s="45">
        <v>123</v>
      </c>
      <c r="E2396" s="46">
        <v>4.0999999999999996</v>
      </c>
      <c r="F2396" s="46">
        <v>2.4</v>
      </c>
      <c r="G2396" s="46">
        <v>9.8000000000000007</v>
      </c>
      <c r="H2396" s="46">
        <v>9.8000000000000007</v>
      </c>
      <c r="I2396" s="46">
        <v>5.7</v>
      </c>
      <c r="J2396" s="46">
        <v>8.9</v>
      </c>
      <c r="K2396" s="46">
        <v>13.8</v>
      </c>
      <c r="L2396" s="46">
        <v>41.5</v>
      </c>
      <c r="M2396" s="47">
        <v>4.0999999999999996</v>
      </c>
    </row>
    <row r="2397" spans="2:13" ht="21.6" x14ac:dyDescent="0.2">
      <c r="B2397" s="76"/>
      <c r="C2397" s="39" t="s">
        <v>51</v>
      </c>
      <c r="D2397" s="45">
        <v>124</v>
      </c>
      <c r="E2397" s="46">
        <v>5.6</v>
      </c>
      <c r="F2397" s="46">
        <v>5.6</v>
      </c>
      <c r="G2397" s="46">
        <v>14.5</v>
      </c>
      <c r="H2397" s="46">
        <v>11.3</v>
      </c>
      <c r="I2397" s="46">
        <v>4.8</v>
      </c>
      <c r="J2397" s="46">
        <v>3.2</v>
      </c>
      <c r="K2397" s="46">
        <v>13.7</v>
      </c>
      <c r="L2397" s="46">
        <v>36.299999999999997</v>
      </c>
      <c r="M2397" s="47">
        <v>4.8</v>
      </c>
    </row>
    <row r="2398" spans="2:13" ht="21.6" x14ac:dyDescent="0.2">
      <c r="B2398" s="76"/>
      <c r="C2398" s="39" t="s">
        <v>52</v>
      </c>
      <c r="D2398" s="45">
        <v>312</v>
      </c>
      <c r="E2398" s="46">
        <v>42.3</v>
      </c>
      <c r="F2398" s="46">
        <v>57.7</v>
      </c>
      <c r="G2398" s="46">
        <v>0</v>
      </c>
      <c r="H2398" s="46">
        <v>0</v>
      </c>
      <c r="I2398" s="46">
        <v>0</v>
      </c>
      <c r="J2398" s="46">
        <v>0</v>
      </c>
      <c r="K2398" s="46">
        <v>0</v>
      </c>
      <c r="L2398" s="46">
        <v>0</v>
      </c>
      <c r="M2398" s="47">
        <v>0</v>
      </c>
    </row>
    <row r="2399" spans="2:13" x14ac:dyDescent="0.2">
      <c r="B2399" s="76"/>
      <c r="C2399" s="39" t="s">
        <v>53</v>
      </c>
      <c r="D2399" s="45">
        <v>269</v>
      </c>
      <c r="E2399" s="46">
        <v>0</v>
      </c>
      <c r="F2399" s="46">
        <v>0</v>
      </c>
      <c r="G2399" s="46">
        <v>100</v>
      </c>
      <c r="H2399" s="46">
        <v>0</v>
      </c>
      <c r="I2399" s="46">
        <v>0</v>
      </c>
      <c r="J2399" s="46">
        <v>0</v>
      </c>
      <c r="K2399" s="46">
        <v>0</v>
      </c>
      <c r="L2399" s="46">
        <v>0</v>
      </c>
      <c r="M2399" s="47">
        <v>0</v>
      </c>
    </row>
    <row r="2400" spans="2:13" ht="21.6" x14ac:dyDescent="0.2">
      <c r="B2400" s="76"/>
      <c r="C2400" s="39" t="s">
        <v>54</v>
      </c>
      <c r="D2400" s="45">
        <v>511</v>
      </c>
      <c r="E2400" s="46">
        <v>0</v>
      </c>
      <c r="F2400" s="46">
        <v>0</v>
      </c>
      <c r="G2400" s="46">
        <v>0</v>
      </c>
      <c r="H2400" s="46">
        <v>51.1</v>
      </c>
      <c r="I2400" s="46">
        <v>24.1</v>
      </c>
      <c r="J2400" s="46">
        <v>24.9</v>
      </c>
      <c r="K2400" s="46">
        <v>0</v>
      </c>
      <c r="L2400" s="46">
        <v>0</v>
      </c>
      <c r="M2400" s="47">
        <v>0</v>
      </c>
    </row>
    <row r="2401" spans="1:25" ht="21.6" x14ac:dyDescent="0.2">
      <c r="B2401" s="76"/>
      <c r="C2401" s="39" t="s">
        <v>55</v>
      </c>
      <c r="D2401" s="45">
        <v>615</v>
      </c>
      <c r="E2401" s="46">
        <v>0</v>
      </c>
      <c r="F2401" s="46">
        <v>0</v>
      </c>
      <c r="G2401" s="46">
        <v>0</v>
      </c>
      <c r="H2401" s="46">
        <v>0</v>
      </c>
      <c r="I2401" s="46">
        <v>0</v>
      </c>
      <c r="J2401" s="46">
        <v>0</v>
      </c>
      <c r="K2401" s="46">
        <v>30.6</v>
      </c>
      <c r="L2401" s="46">
        <v>69.400000000000006</v>
      </c>
      <c r="M2401" s="47">
        <v>0</v>
      </c>
    </row>
    <row r="2402" spans="1:25" ht="21.6" x14ac:dyDescent="0.2">
      <c r="B2402" s="76"/>
      <c r="C2402" s="39" t="s">
        <v>56</v>
      </c>
      <c r="D2402" s="45">
        <v>800</v>
      </c>
      <c r="E2402" s="46">
        <v>1.1000000000000001</v>
      </c>
      <c r="F2402" s="46">
        <v>2.6</v>
      </c>
      <c r="G2402" s="46">
        <v>6.5</v>
      </c>
      <c r="H2402" s="46">
        <v>11.4</v>
      </c>
      <c r="I2402" s="46">
        <v>6.8</v>
      </c>
      <c r="J2402" s="46">
        <v>8.4</v>
      </c>
      <c r="K2402" s="46">
        <v>14</v>
      </c>
      <c r="L2402" s="46">
        <v>39.1</v>
      </c>
      <c r="M2402" s="47">
        <v>10.1</v>
      </c>
    </row>
    <row r="2403" spans="1:25" x14ac:dyDescent="0.2">
      <c r="B2403" s="76"/>
      <c r="C2403" s="40" t="s">
        <v>57</v>
      </c>
      <c r="D2403" s="48">
        <v>798</v>
      </c>
      <c r="E2403" s="49">
        <v>13.3</v>
      </c>
      <c r="F2403" s="49">
        <v>15.4</v>
      </c>
      <c r="G2403" s="49">
        <v>19.8</v>
      </c>
      <c r="H2403" s="49">
        <v>16.7</v>
      </c>
      <c r="I2403" s="49">
        <v>7</v>
      </c>
      <c r="J2403" s="49">
        <v>5.0999999999999996</v>
      </c>
      <c r="K2403" s="49">
        <v>6.9</v>
      </c>
      <c r="L2403" s="49">
        <v>8.8000000000000007</v>
      </c>
      <c r="M2403" s="50">
        <v>7</v>
      </c>
    </row>
    <row r="2404" spans="1:25" x14ac:dyDescent="0.2">
      <c r="B2404" s="7" t="s">
        <v>71</v>
      </c>
      <c r="C2404" s="4" t="s">
        <v>151</v>
      </c>
    </row>
    <row r="2405" spans="1:25" x14ac:dyDescent="0.2">
      <c r="B2405" s="4"/>
      <c r="C2405" s="4" t="s">
        <v>73</v>
      </c>
    </row>
    <row r="2407" spans="1:25" x14ac:dyDescent="0.2">
      <c r="C2407" t="s">
        <v>35</v>
      </c>
    </row>
    <row r="2408" spans="1:25" x14ac:dyDescent="0.2">
      <c r="B2408" s="74" t="s">
        <v>224</v>
      </c>
      <c r="C2408" s="75"/>
      <c r="D2408" s="75"/>
      <c r="E2408" s="75"/>
      <c r="F2408" s="75"/>
      <c r="G2408" s="75"/>
      <c r="H2408" s="75"/>
      <c r="I2408" s="75"/>
      <c r="J2408" s="75"/>
      <c r="K2408" s="75"/>
      <c r="L2408" s="75"/>
      <c r="M2408" s="75"/>
      <c r="N2408" s="75"/>
      <c r="O2408" s="75"/>
      <c r="P2408" s="75"/>
      <c r="Q2408" s="75"/>
      <c r="R2408" s="75"/>
      <c r="S2408" s="75"/>
      <c r="T2408" s="75"/>
      <c r="U2408" s="75"/>
      <c r="V2408" s="75"/>
      <c r="W2408" s="75"/>
      <c r="X2408" s="75"/>
      <c r="Y2408" s="75"/>
    </row>
    <row r="2409" spans="1:25" s="32" customFormat="1" ht="47.25" customHeight="1" x14ac:dyDescent="0.15">
      <c r="A2409" s="31"/>
      <c r="D2409" s="33" t="s">
        <v>242</v>
      </c>
      <c r="E2409" s="35" t="s">
        <v>387</v>
      </c>
      <c r="F2409" s="36" t="s">
        <v>388</v>
      </c>
      <c r="G2409" s="36" t="s">
        <v>389</v>
      </c>
      <c r="H2409" s="36" t="s">
        <v>390</v>
      </c>
      <c r="I2409" s="36" t="s">
        <v>391</v>
      </c>
      <c r="J2409" s="36" t="s">
        <v>392</v>
      </c>
      <c r="K2409" s="36" t="s">
        <v>393</v>
      </c>
      <c r="L2409" s="36" t="s">
        <v>394</v>
      </c>
      <c r="M2409" s="37" t="s">
        <v>276</v>
      </c>
      <c r="N2409" s="34" t="s">
        <v>251</v>
      </c>
    </row>
    <row r="2410" spans="1:25" ht="21.6" x14ac:dyDescent="0.2">
      <c r="B2410" s="76" t="s">
        <v>37</v>
      </c>
      <c r="C2410" s="38" t="s">
        <v>58</v>
      </c>
      <c r="D2410" s="51">
        <v>609</v>
      </c>
      <c r="E2410" s="52">
        <v>1.6</v>
      </c>
      <c r="F2410" s="52">
        <v>3.8</v>
      </c>
      <c r="G2410" s="52">
        <v>8</v>
      </c>
      <c r="H2410" s="52">
        <v>12.2</v>
      </c>
      <c r="I2410" s="52">
        <v>7.4</v>
      </c>
      <c r="J2410" s="52">
        <v>8</v>
      </c>
      <c r="K2410" s="52">
        <v>12.8</v>
      </c>
      <c r="L2410" s="52">
        <v>36.299999999999997</v>
      </c>
      <c r="M2410" s="53">
        <v>9.9</v>
      </c>
    </row>
    <row r="2411" spans="1:25" ht="21.6" x14ac:dyDescent="0.2">
      <c r="B2411" s="76"/>
      <c r="C2411" s="39" t="s">
        <v>59</v>
      </c>
      <c r="D2411" s="45">
        <v>1391</v>
      </c>
      <c r="E2411" s="46">
        <v>8.8000000000000007</v>
      </c>
      <c r="F2411" s="46">
        <v>11.3</v>
      </c>
      <c r="G2411" s="46">
        <v>15.8</v>
      </c>
      <c r="H2411" s="46">
        <v>13.4</v>
      </c>
      <c r="I2411" s="46">
        <v>5.6</v>
      </c>
      <c r="J2411" s="46">
        <v>5.6</v>
      </c>
      <c r="K2411" s="46">
        <v>7.9</v>
      </c>
      <c r="L2411" s="46">
        <v>14.8</v>
      </c>
      <c r="M2411" s="47">
        <v>16.8</v>
      </c>
    </row>
    <row r="2412" spans="1:25" x14ac:dyDescent="0.2">
      <c r="B2412" s="76"/>
      <c r="C2412" s="39" t="s">
        <v>60</v>
      </c>
      <c r="D2412" s="45">
        <v>1325</v>
      </c>
      <c r="E2412" s="46">
        <v>6</v>
      </c>
      <c r="F2412" s="46">
        <v>8.3000000000000007</v>
      </c>
      <c r="G2412" s="46">
        <v>13.5</v>
      </c>
      <c r="H2412" s="46">
        <v>13.1</v>
      </c>
      <c r="I2412" s="46">
        <v>6</v>
      </c>
      <c r="J2412" s="46">
        <v>6.2</v>
      </c>
      <c r="K2412" s="46">
        <v>9.6999999999999993</v>
      </c>
      <c r="L2412" s="46">
        <v>23.1</v>
      </c>
      <c r="M2412" s="47">
        <v>14</v>
      </c>
    </row>
    <row r="2413" spans="1:25" x14ac:dyDescent="0.2">
      <c r="B2413" s="76"/>
      <c r="C2413" s="39" t="s">
        <v>61</v>
      </c>
      <c r="D2413" s="45">
        <v>675</v>
      </c>
      <c r="E2413" s="46">
        <v>7.7</v>
      </c>
      <c r="F2413" s="46">
        <v>10.4</v>
      </c>
      <c r="G2413" s="46">
        <v>13.3</v>
      </c>
      <c r="H2413" s="46">
        <v>13</v>
      </c>
      <c r="I2413" s="46">
        <v>6.4</v>
      </c>
      <c r="J2413" s="46">
        <v>6.7</v>
      </c>
      <c r="K2413" s="46">
        <v>8.6999999999999993</v>
      </c>
      <c r="L2413" s="46">
        <v>17.899999999999999</v>
      </c>
      <c r="M2413" s="47">
        <v>15.9</v>
      </c>
    </row>
    <row r="2414" spans="1:25" x14ac:dyDescent="0.2">
      <c r="B2414" s="76"/>
      <c r="C2414" s="39" t="s">
        <v>62</v>
      </c>
      <c r="D2414" s="45">
        <v>1086</v>
      </c>
      <c r="E2414" s="46">
        <v>5.2</v>
      </c>
      <c r="F2414" s="46">
        <v>7.6</v>
      </c>
      <c r="G2414" s="46">
        <v>13.4</v>
      </c>
      <c r="H2414" s="46">
        <v>14.2</v>
      </c>
      <c r="I2414" s="46">
        <v>7.6</v>
      </c>
      <c r="J2414" s="46">
        <v>7.1</v>
      </c>
      <c r="K2414" s="46">
        <v>10</v>
      </c>
      <c r="L2414" s="46">
        <v>24.8</v>
      </c>
      <c r="M2414" s="47">
        <v>10.1</v>
      </c>
    </row>
    <row r="2415" spans="1:25" ht="21.6" x14ac:dyDescent="0.2">
      <c r="B2415" s="76"/>
      <c r="C2415" s="39" t="s">
        <v>63</v>
      </c>
      <c r="D2415" s="45">
        <v>203</v>
      </c>
      <c r="E2415" s="46">
        <v>1.5</v>
      </c>
      <c r="F2415" s="46">
        <v>4.9000000000000004</v>
      </c>
      <c r="G2415" s="46">
        <v>13.8</v>
      </c>
      <c r="H2415" s="46">
        <v>16.3</v>
      </c>
      <c r="I2415" s="46">
        <v>6.9</v>
      </c>
      <c r="J2415" s="46">
        <v>4.9000000000000004</v>
      </c>
      <c r="K2415" s="46">
        <v>7.9</v>
      </c>
      <c r="L2415" s="46">
        <v>25.1</v>
      </c>
      <c r="M2415" s="47">
        <v>18.7</v>
      </c>
    </row>
    <row r="2416" spans="1:25" x14ac:dyDescent="0.2">
      <c r="B2416" s="76"/>
      <c r="C2416" s="39" t="s">
        <v>64</v>
      </c>
      <c r="D2416" s="45">
        <v>263</v>
      </c>
      <c r="E2416" s="46">
        <v>3.4</v>
      </c>
      <c r="F2416" s="46">
        <v>6.5</v>
      </c>
      <c r="G2416" s="46">
        <v>15.2</v>
      </c>
      <c r="H2416" s="46">
        <v>15.6</v>
      </c>
      <c r="I2416" s="46">
        <v>8</v>
      </c>
      <c r="J2416" s="46">
        <v>5.7</v>
      </c>
      <c r="K2416" s="46">
        <v>10.6</v>
      </c>
      <c r="L2416" s="46">
        <v>24.3</v>
      </c>
      <c r="M2416" s="47">
        <v>10.6</v>
      </c>
    </row>
    <row r="2417" spans="2:13" x14ac:dyDescent="0.2">
      <c r="B2417" s="76"/>
      <c r="C2417" s="39" t="s">
        <v>65</v>
      </c>
      <c r="D2417" s="45">
        <v>312</v>
      </c>
      <c r="E2417" s="46">
        <v>8.3000000000000007</v>
      </c>
      <c r="F2417" s="46">
        <v>10.6</v>
      </c>
      <c r="G2417" s="46">
        <v>14.1</v>
      </c>
      <c r="H2417" s="46">
        <v>12.8</v>
      </c>
      <c r="I2417" s="46">
        <v>8</v>
      </c>
      <c r="J2417" s="46">
        <v>7.4</v>
      </c>
      <c r="K2417" s="46">
        <v>10.3</v>
      </c>
      <c r="L2417" s="46">
        <v>21.8</v>
      </c>
      <c r="M2417" s="47">
        <v>6.7</v>
      </c>
    </row>
    <row r="2418" spans="2:13" x14ac:dyDescent="0.2">
      <c r="B2418" s="76"/>
      <c r="C2418" s="39" t="s">
        <v>66</v>
      </c>
      <c r="D2418" s="45">
        <v>230</v>
      </c>
      <c r="E2418" s="46">
        <v>6.5</v>
      </c>
      <c r="F2418" s="46">
        <v>6.5</v>
      </c>
      <c r="G2418" s="46">
        <v>10</v>
      </c>
      <c r="H2418" s="46">
        <v>12.2</v>
      </c>
      <c r="I2418" s="46">
        <v>6.5</v>
      </c>
      <c r="J2418" s="46">
        <v>9.1</v>
      </c>
      <c r="K2418" s="46">
        <v>10.4</v>
      </c>
      <c r="L2418" s="46">
        <v>30.9</v>
      </c>
      <c r="M2418" s="47">
        <v>7.8</v>
      </c>
    </row>
    <row r="2419" spans="2:13" x14ac:dyDescent="0.2">
      <c r="B2419" s="76"/>
      <c r="C2419" s="39" t="s">
        <v>67</v>
      </c>
      <c r="D2419" s="45">
        <v>78</v>
      </c>
      <c r="E2419" s="46">
        <v>5.0999999999999996</v>
      </c>
      <c r="F2419" s="46">
        <v>9</v>
      </c>
      <c r="G2419" s="46">
        <v>14.1</v>
      </c>
      <c r="H2419" s="46">
        <v>15.4</v>
      </c>
      <c r="I2419" s="46">
        <v>9</v>
      </c>
      <c r="J2419" s="46">
        <v>10.3</v>
      </c>
      <c r="K2419" s="46">
        <v>11.5</v>
      </c>
      <c r="L2419" s="46">
        <v>19.2</v>
      </c>
      <c r="M2419" s="47">
        <v>6.4</v>
      </c>
    </row>
    <row r="2420" spans="2:13" x14ac:dyDescent="0.2">
      <c r="B2420" s="76"/>
      <c r="C2420" s="39" t="s">
        <v>68</v>
      </c>
      <c r="D2420" s="45">
        <v>897</v>
      </c>
      <c r="E2420" s="46">
        <v>5.6</v>
      </c>
      <c r="F2420" s="46">
        <v>7.5</v>
      </c>
      <c r="G2420" s="46">
        <v>12.9</v>
      </c>
      <c r="H2420" s="46">
        <v>15.1</v>
      </c>
      <c r="I2420" s="46">
        <v>7.4</v>
      </c>
      <c r="J2420" s="46">
        <v>7.8</v>
      </c>
      <c r="K2420" s="46">
        <v>10.8</v>
      </c>
      <c r="L2420" s="46">
        <v>26.9</v>
      </c>
      <c r="M2420" s="47">
        <v>6.1</v>
      </c>
    </row>
    <row r="2421" spans="2:13" x14ac:dyDescent="0.2">
      <c r="B2421" s="76"/>
      <c r="C2421" s="39" t="s">
        <v>69</v>
      </c>
      <c r="D2421" s="45">
        <v>189</v>
      </c>
      <c r="E2421" s="46">
        <v>3.7</v>
      </c>
      <c r="F2421" s="46">
        <v>7.9</v>
      </c>
      <c r="G2421" s="46">
        <v>15.9</v>
      </c>
      <c r="H2421" s="46">
        <v>10.1</v>
      </c>
      <c r="I2421" s="46">
        <v>8.5</v>
      </c>
      <c r="J2421" s="46">
        <v>3.7</v>
      </c>
      <c r="K2421" s="46">
        <v>6.3</v>
      </c>
      <c r="L2421" s="46">
        <v>14.8</v>
      </c>
      <c r="M2421" s="47">
        <v>29.1</v>
      </c>
    </row>
    <row r="2422" spans="2:13" x14ac:dyDescent="0.2">
      <c r="B2422" s="76"/>
      <c r="C2422" s="39" t="s">
        <v>70</v>
      </c>
      <c r="D2422" s="45">
        <v>914</v>
      </c>
      <c r="E2422" s="46">
        <v>8.1999999999999993</v>
      </c>
      <c r="F2422" s="46">
        <v>10.7</v>
      </c>
      <c r="G2422" s="46">
        <v>13.5</v>
      </c>
      <c r="H2422" s="46">
        <v>11.7</v>
      </c>
      <c r="I2422" s="46">
        <v>4.5</v>
      </c>
      <c r="J2422" s="46">
        <v>5.5</v>
      </c>
      <c r="K2422" s="46">
        <v>8.6</v>
      </c>
      <c r="L2422" s="46">
        <v>17.3</v>
      </c>
      <c r="M2422" s="47">
        <v>20</v>
      </c>
    </row>
    <row r="2423" spans="2:13" ht="21.6" x14ac:dyDescent="0.2">
      <c r="B2423" s="76"/>
      <c r="C2423" s="39" t="s">
        <v>63</v>
      </c>
      <c r="D2423" s="45">
        <v>193</v>
      </c>
      <c r="E2423" s="46">
        <v>3.1</v>
      </c>
      <c r="F2423" s="46">
        <v>8.3000000000000007</v>
      </c>
      <c r="G2423" s="46">
        <v>10.4</v>
      </c>
      <c r="H2423" s="46">
        <v>9.8000000000000007</v>
      </c>
      <c r="I2423" s="46">
        <v>6.7</v>
      </c>
      <c r="J2423" s="46">
        <v>8.3000000000000007</v>
      </c>
      <c r="K2423" s="46">
        <v>11.4</v>
      </c>
      <c r="L2423" s="46">
        <v>19.7</v>
      </c>
      <c r="M2423" s="47">
        <v>22.3</v>
      </c>
    </row>
    <row r="2424" spans="2:13" x14ac:dyDescent="0.2">
      <c r="B2424" s="76"/>
      <c r="C2424" s="39" t="s">
        <v>64</v>
      </c>
      <c r="D2424" s="45">
        <v>203</v>
      </c>
      <c r="E2424" s="46">
        <v>5.9</v>
      </c>
      <c r="F2424" s="46">
        <v>8.9</v>
      </c>
      <c r="G2424" s="46">
        <v>16.7</v>
      </c>
      <c r="H2424" s="46">
        <v>11.8</v>
      </c>
      <c r="I2424" s="46">
        <v>4.9000000000000004</v>
      </c>
      <c r="J2424" s="46">
        <v>6.9</v>
      </c>
      <c r="K2424" s="46">
        <v>10.8</v>
      </c>
      <c r="L2424" s="46">
        <v>16.7</v>
      </c>
      <c r="M2424" s="47">
        <v>17.2</v>
      </c>
    </row>
    <row r="2425" spans="2:13" x14ac:dyDescent="0.2">
      <c r="B2425" s="76"/>
      <c r="C2425" s="39" t="s">
        <v>65</v>
      </c>
      <c r="D2425" s="45">
        <v>263</v>
      </c>
      <c r="E2425" s="46">
        <v>10.6</v>
      </c>
      <c r="F2425" s="46">
        <v>11.8</v>
      </c>
      <c r="G2425" s="46">
        <v>13.3</v>
      </c>
      <c r="H2425" s="46">
        <v>11</v>
      </c>
      <c r="I2425" s="46">
        <v>4.2</v>
      </c>
      <c r="J2425" s="46">
        <v>3.4</v>
      </c>
      <c r="K2425" s="46">
        <v>8.4</v>
      </c>
      <c r="L2425" s="46">
        <v>15.2</v>
      </c>
      <c r="M2425" s="47">
        <v>22.1</v>
      </c>
    </row>
    <row r="2426" spans="2:13" x14ac:dyDescent="0.2">
      <c r="B2426" s="76"/>
      <c r="C2426" s="39" t="s">
        <v>66</v>
      </c>
      <c r="D2426" s="45">
        <v>194</v>
      </c>
      <c r="E2426" s="46">
        <v>10.8</v>
      </c>
      <c r="F2426" s="46">
        <v>12.9</v>
      </c>
      <c r="G2426" s="46">
        <v>13.9</v>
      </c>
      <c r="H2426" s="46">
        <v>14.4</v>
      </c>
      <c r="I2426" s="46">
        <v>3.1</v>
      </c>
      <c r="J2426" s="46">
        <v>4.0999999999999996</v>
      </c>
      <c r="K2426" s="46">
        <v>5.7</v>
      </c>
      <c r="L2426" s="46">
        <v>17.5</v>
      </c>
      <c r="M2426" s="47">
        <v>17.5</v>
      </c>
    </row>
    <row r="2427" spans="2:13" x14ac:dyDescent="0.2">
      <c r="B2427" s="76"/>
      <c r="C2427" s="39" t="s">
        <v>67</v>
      </c>
      <c r="D2427" s="45">
        <v>61</v>
      </c>
      <c r="E2427" s="46">
        <v>13.1</v>
      </c>
      <c r="F2427" s="46">
        <v>13.1</v>
      </c>
      <c r="G2427" s="46">
        <v>11.5</v>
      </c>
      <c r="H2427" s="46">
        <v>11.5</v>
      </c>
      <c r="I2427" s="46">
        <v>1.6</v>
      </c>
      <c r="J2427" s="46">
        <v>4.9000000000000004</v>
      </c>
      <c r="K2427" s="46">
        <v>3.3</v>
      </c>
      <c r="L2427" s="46">
        <v>19.7</v>
      </c>
      <c r="M2427" s="47">
        <v>21.3</v>
      </c>
    </row>
    <row r="2428" spans="2:13" x14ac:dyDescent="0.2">
      <c r="B2428" s="76"/>
      <c r="C2428" s="39" t="s">
        <v>68</v>
      </c>
      <c r="D2428" s="45">
        <v>416</v>
      </c>
      <c r="E2428" s="46">
        <v>8.1999999999999993</v>
      </c>
      <c r="F2428" s="46">
        <v>11.8</v>
      </c>
      <c r="G2428" s="46">
        <v>11.5</v>
      </c>
      <c r="H2428" s="46">
        <v>15.1</v>
      </c>
      <c r="I2428" s="46">
        <v>5</v>
      </c>
      <c r="J2428" s="46">
        <v>8.4</v>
      </c>
      <c r="K2428" s="46">
        <v>11.1</v>
      </c>
      <c r="L2428" s="46">
        <v>21.4</v>
      </c>
      <c r="M2428" s="47">
        <v>7.5</v>
      </c>
    </row>
    <row r="2429" spans="2:13" x14ac:dyDescent="0.2">
      <c r="B2429" s="76"/>
      <c r="C2429" s="40" t="s">
        <v>69</v>
      </c>
      <c r="D2429" s="48">
        <v>498</v>
      </c>
      <c r="E2429" s="49">
        <v>8.1999999999999993</v>
      </c>
      <c r="F2429" s="49">
        <v>9.8000000000000007</v>
      </c>
      <c r="G2429" s="49">
        <v>15.1</v>
      </c>
      <c r="H2429" s="49">
        <v>8.8000000000000007</v>
      </c>
      <c r="I2429" s="49">
        <v>4</v>
      </c>
      <c r="J2429" s="49">
        <v>3</v>
      </c>
      <c r="K2429" s="49">
        <v>6.6</v>
      </c>
      <c r="L2429" s="49">
        <v>13.9</v>
      </c>
      <c r="M2429" s="50">
        <v>30.5</v>
      </c>
    </row>
    <row r="2430" spans="2:13" x14ac:dyDescent="0.2">
      <c r="B2430" s="7" t="s">
        <v>71</v>
      </c>
      <c r="C2430" s="4" t="s">
        <v>151</v>
      </c>
    </row>
    <row r="2431" spans="2:13" x14ac:dyDescent="0.2">
      <c r="B2431" s="4"/>
      <c r="C2431" s="4" t="s">
        <v>73</v>
      </c>
    </row>
    <row r="2433" spans="1:25" x14ac:dyDescent="0.2">
      <c r="A2433" s="26" t="s">
        <v>25</v>
      </c>
      <c r="B2433" t="s">
        <v>35</v>
      </c>
      <c r="C2433" t="s">
        <v>35</v>
      </c>
    </row>
    <row r="2434" spans="1:25" x14ac:dyDescent="0.2">
      <c r="B2434" s="74" t="s">
        <v>152</v>
      </c>
      <c r="C2434" s="75"/>
      <c r="D2434" s="75"/>
      <c r="E2434" s="75"/>
      <c r="F2434" s="75"/>
      <c r="G2434" s="75"/>
      <c r="H2434" s="75"/>
      <c r="I2434" s="75"/>
      <c r="J2434" s="75"/>
      <c r="K2434" s="75"/>
      <c r="L2434" s="75"/>
      <c r="M2434" s="75"/>
      <c r="N2434" s="75"/>
      <c r="O2434" s="75"/>
      <c r="P2434" s="75"/>
      <c r="Q2434" s="75"/>
      <c r="R2434" s="75"/>
      <c r="S2434" s="75"/>
      <c r="T2434" s="75"/>
      <c r="U2434" s="75"/>
      <c r="V2434" s="75"/>
      <c r="W2434" s="75"/>
      <c r="X2434" s="75"/>
      <c r="Y2434" s="75"/>
    </row>
    <row r="2435" spans="1:25" s="32" customFormat="1" ht="36.450000000000003" customHeight="1" x14ac:dyDescent="0.15">
      <c r="A2435" s="31"/>
      <c r="D2435" s="33" t="s">
        <v>242</v>
      </c>
      <c r="E2435" s="35" t="s">
        <v>395</v>
      </c>
      <c r="F2435" s="36" t="s">
        <v>396</v>
      </c>
      <c r="G2435" s="36" t="s">
        <v>397</v>
      </c>
      <c r="H2435" s="37" t="s">
        <v>276</v>
      </c>
      <c r="I2435" s="34" t="s">
        <v>251</v>
      </c>
    </row>
    <row r="2436" spans="1:25" x14ac:dyDescent="0.2">
      <c r="B2436" s="5"/>
      <c r="C2436" s="41" t="s">
        <v>38</v>
      </c>
      <c r="D2436" s="42">
        <v>2000</v>
      </c>
      <c r="E2436" s="43">
        <v>29.1</v>
      </c>
      <c r="F2436" s="43">
        <v>25.6</v>
      </c>
      <c r="G2436" s="43">
        <v>30.8</v>
      </c>
      <c r="H2436" s="44">
        <v>14.7</v>
      </c>
    </row>
    <row r="2437" spans="1:25" x14ac:dyDescent="0.2">
      <c r="B2437" s="76" t="s">
        <v>37</v>
      </c>
      <c r="C2437" s="39" t="s">
        <v>39</v>
      </c>
      <c r="D2437" s="45">
        <v>111</v>
      </c>
      <c r="E2437" s="46">
        <v>47.7</v>
      </c>
      <c r="F2437" s="46">
        <v>29.7</v>
      </c>
      <c r="G2437" s="46">
        <v>19.8</v>
      </c>
      <c r="H2437" s="47">
        <v>2.7</v>
      </c>
    </row>
    <row r="2438" spans="1:25" x14ac:dyDescent="0.2">
      <c r="B2438" s="76"/>
      <c r="C2438" s="39" t="s">
        <v>40</v>
      </c>
      <c r="D2438" s="45">
        <v>450</v>
      </c>
      <c r="E2438" s="46">
        <v>25.1</v>
      </c>
      <c r="F2438" s="46">
        <v>31.8</v>
      </c>
      <c r="G2438" s="46">
        <v>36.4</v>
      </c>
      <c r="H2438" s="47">
        <v>6.7</v>
      </c>
    </row>
    <row r="2439" spans="1:25" ht="21.6" x14ac:dyDescent="0.2">
      <c r="B2439" s="76"/>
      <c r="C2439" s="39" t="s">
        <v>41</v>
      </c>
      <c r="D2439" s="45">
        <v>30</v>
      </c>
      <c r="E2439" s="46">
        <v>26.7</v>
      </c>
      <c r="F2439" s="46">
        <v>6.7</v>
      </c>
      <c r="G2439" s="46">
        <v>46.7</v>
      </c>
      <c r="H2439" s="47">
        <v>20</v>
      </c>
    </row>
    <row r="2440" spans="1:25" ht="21.6" x14ac:dyDescent="0.2">
      <c r="B2440" s="76"/>
      <c r="C2440" s="39" t="s">
        <v>42</v>
      </c>
      <c r="D2440" s="45">
        <v>336</v>
      </c>
      <c r="E2440" s="46">
        <v>20.5</v>
      </c>
      <c r="F2440" s="46">
        <v>25.9</v>
      </c>
      <c r="G2440" s="46">
        <v>42.6</v>
      </c>
      <c r="H2440" s="47">
        <v>11</v>
      </c>
    </row>
    <row r="2441" spans="1:25" ht="21.6" x14ac:dyDescent="0.2">
      <c r="B2441" s="76"/>
      <c r="C2441" s="39" t="s">
        <v>43</v>
      </c>
      <c r="D2441" s="45">
        <v>327</v>
      </c>
      <c r="E2441" s="46">
        <v>35.200000000000003</v>
      </c>
      <c r="F2441" s="46">
        <v>22.3</v>
      </c>
      <c r="G2441" s="46">
        <v>22.3</v>
      </c>
      <c r="H2441" s="47">
        <v>20.2</v>
      </c>
    </row>
    <row r="2442" spans="1:25" ht="21.6" x14ac:dyDescent="0.2">
      <c r="B2442" s="76"/>
      <c r="C2442" s="39" t="s">
        <v>44</v>
      </c>
      <c r="D2442" s="45">
        <v>181</v>
      </c>
      <c r="E2442" s="46">
        <v>18.2</v>
      </c>
      <c r="F2442" s="46">
        <v>17.100000000000001</v>
      </c>
      <c r="G2442" s="46">
        <v>54.1</v>
      </c>
      <c r="H2442" s="47">
        <v>10.5</v>
      </c>
    </row>
    <row r="2443" spans="1:25" ht="21.6" x14ac:dyDescent="0.2">
      <c r="B2443" s="76"/>
      <c r="C2443" s="39" t="s">
        <v>45</v>
      </c>
      <c r="D2443" s="45">
        <v>565</v>
      </c>
      <c r="E2443" s="46">
        <v>33.6</v>
      </c>
      <c r="F2443" s="46">
        <v>25.1</v>
      </c>
      <c r="G2443" s="46">
        <v>17.899999999999999</v>
      </c>
      <c r="H2443" s="47">
        <v>23.4</v>
      </c>
    </row>
    <row r="2444" spans="1:25" ht="21.6" x14ac:dyDescent="0.2">
      <c r="B2444" s="76"/>
      <c r="C2444" s="39" t="s">
        <v>46</v>
      </c>
      <c r="D2444" s="45">
        <v>473</v>
      </c>
      <c r="E2444" s="46">
        <v>34.700000000000003</v>
      </c>
      <c r="F2444" s="46">
        <v>23.9</v>
      </c>
      <c r="G2444" s="46">
        <v>21.1</v>
      </c>
      <c r="H2444" s="47">
        <v>20.3</v>
      </c>
    </row>
    <row r="2445" spans="1:25" ht="21.6" x14ac:dyDescent="0.2">
      <c r="B2445" s="76"/>
      <c r="C2445" s="39" t="s">
        <v>47</v>
      </c>
      <c r="D2445" s="45">
        <v>441</v>
      </c>
      <c r="E2445" s="46">
        <v>33.299999999999997</v>
      </c>
      <c r="F2445" s="46">
        <v>27.7</v>
      </c>
      <c r="G2445" s="46">
        <v>28.3</v>
      </c>
      <c r="H2445" s="47">
        <v>10.7</v>
      </c>
    </row>
    <row r="2446" spans="1:25" ht="21.6" x14ac:dyDescent="0.2">
      <c r="B2446" s="76"/>
      <c r="C2446" s="39" t="s">
        <v>48</v>
      </c>
      <c r="D2446" s="45">
        <v>305</v>
      </c>
      <c r="E2446" s="46">
        <v>28.2</v>
      </c>
      <c r="F2446" s="46">
        <v>30.2</v>
      </c>
      <c r="G2446" s="46">
        <v>35.1</v>
      </c>
      <c r="H2446" s="47">
        <v>6.6</v>
      </c>
    </row>
    <row r="2447" spans="1:25" ht="21.6" x14ac:dyDescent="0.2">
      <c r="B2447" s="76"/>
      <c r="C2447" s="39" t="s">
        <v>49</v>
      </c>
      <c r="D2447" s="45">
        <v>223</v>
      </c>
      <c r="E2447" s="46">
        <v>22</v>
      </c>
      <c r="F2447" s="46">
        <v>30.5</v>
      </c>
      <c r="G2447" s="46">
        <v>40.4</v>
      </c>
      <c r="H2447" s="47">
        <v>7.2</v>
      </c>
    </row>
    <row r="2448" spans="1:25" ht="21.6" x14ac:dyDescent="0.2">
      <c r="B2448" s="76"/>
      <c r="C2448" s="39" t="s">
        <v>50</v>
      </c>
      <c r="D2448" s="45">
        <v>123</v>
      </c>
      <c r="E2448" s="46">
        <v>16.3</v>
      </c>
      <c r="F2448" s="46">
        <v>24.4</v>
      </c>
      <c r="G2448" s="46">
        <v>55.3</v>
      </c>
      <c r="H2448" s="47">
        <v>4.0999999999999996</v>
      </c>
    </row>
    <row r="2449" spans="1:25" ht="21.6" x14ac:dyDescent="0.2">
      <c r="B2449" s="76"/>
      <c r="C2449" s="39" t="s">
        <v>51</v>
      </c>
      <c r="D2449" s="45">
        <v>124</v>
      </c>
      <c r="E2449" s="46">
        <v>25.8</v>
      </c>
      <c r="F2449" s="46">
        <v>19.399999999999999</v>
      </c>
      <c r="G2449" s="46">
        <v>50</v>
      </c>
      <c r="H2449" s="47">
        <v>4.8</v>
      </c>
    </row>
    <row r="2450" spans="1:25" ht="21.6" x14ac:dyDescent="0.2">
      <c r="B2450" s="76"/>
      <c r="C2450" s="39" t="s">
        <v>52</v>
      </c>
      <c r="D2450" s="45">
        <v>312</v>
      </c>
      <c r="E2450" s="46">
        <v>100</v>
      </c>
      <c r="F2450" s="46">
        <v>0</v>
      </c>
      <c r="G2450" s="46">
        <v>0</v>
      </c>
      <c r="H2450" s="47">
        <v>0</v>
      </c>
    </row>
    <row r="2451" spans="1:25" x14ac:dyDescent="0.2">
      <c r="B2451" s="76"/>
      <c r="C2451" s="39" t="s">
        <v>53</v>
      </c>
      <c r="D2451" s="45">
        <v>269</v>
      </c>
      <c r="E2451" s="46">
        <v>100</v>
      </c>
      <c r="F2451" s="46">
        <v>0</v>
      </c>
      <c r="G2451" s="46">
        <v>0</v>
      </c>
      <c r="H2451" s="47">
        <v>0</v>
      </c>
    </row>
    <row r="2452" spans="1:25" ht="21.6" x14ac:dyDescent="0.2">
      <c r="B2452" s="76"/>
      <c r="C2452" s="39" t="s">
        <v>54</v>
      </c>
      <c r="D2452" s="45">
        <v>511</v>
      </c>
      <c r="E2452" s="46">
        <v>0</v>
      </c>
      <c r="F2452" s="46">
        <v>100</v>
      </c>
      <c r="G2452" s="46">
        <v>0</v>
      </c>
      <c r="H2452" s="47">
        <v>0</v>
      </c>
    </row>
    <row r="2453" spans="1:25" ht="21.6" x14ac:dyDescent="0.2">
      <c r="B2453" s="76"/>
      <c r="C2453" s="39" t="s">
        <v>55</v>
      </c>
      <c r="D2453" s="45">
        <v>615</v>
      </c>
      <c r="E2453" s="46">
        <v>0</v>
      </c>
      <c r="F2453" s="46">
        <v>0</v>
      </c>
      <c r="G2453" s="46">
        <v>100</v>
      </c>
      <c r="H2453" s="47">
        <v>0</v>
      </c>
    </row>
    <row r="2454" spans="1:25" ht="21.6" x14ac:dyDescent="0.2">
      <c r="B2454" s="76"/>
      <c r="C2454" s="39" t="s">
        <v>56</v>
      </c>
      <c r="D2454" s="45">
        <v>800</v>
      </c>
      <c r="E2454" s="46">
        <v>10.3</v>
      </c>
      <c r="F2454" s="46">
        <v>26.5</v>
      </c>
      <c r="G2454" s="46">
        <v>53.1</v>
      </c>
      <c r="H2454" s="47">
        <v>10.1</v>
      </c>
    </row>
    <row r="2455" spans="1:25" x14ac:dyDescent="0.2">
      <c r="B2455" s="76"/>
      <c r="C2455" s="40" t="s">
        <v>57</v>
      </c>
      <c r="D2455" s="48">
        <v>798</v>
      </c>
      <c r="E2455" s="49">
        <v>48.5</v>
      </c>
      <c r="F2455" s="49">
        <v>28.8</v>
      </c>
      <c r="G2455" s="49">
        <v>15.7</v>
      </c>
      <c r="H2455" s="50">
        <v>7</v>
      </c>
    </row>
    <row r="2457" spans="1:25" x14ac:dyDescent="0.2">
      <c r="C2457" t="s">
        <v>35</v>
      </c>
    </row>
    <row r="2458" spans="1:25" x14ac:dyDescent="0.2">
      <c r="B2458" s="74" t="s">
        <v>225</v>
      </c>
      <c r="C2458" s="75"/>
      <c r="D2458" s="75"/>
      <c r="E2458" s="75"/>
      <c r="F2458" s="75"/>
      <c r="G2458" s="75"/>
      <c r="H2458" s="75"/>
      <c r="I2458" s="75"/>
      <c r="J2458" s="75"/>
      <c r="K2458" s="75"/>
      <c r="L2458" s="75"/>
      <c r="M2458" s="75"/>
      <c r="N2458" s="75"/>
      <c r="O2458" s="75"/>
      <c r="P2458" s="75"/>
      <c r="Q2458" s="75"/>
      <c r="R2458" s="75"/>
      <c r="S2458" s="75"/>
      <c r="T2458" s="75"/>
      <c r="U2458" s="75"/>
      <c r="V2458" s="75"/>
      <c r="W2458" s="75"/>
      <c r="X2458" s="75"/>
      <c r="Y2458" s="75"/>
    </row>
    <row r="2459" spans="1:25" s="32" customFormat="1" ht="36.450000000000003" customHeight="1" x14ac:dyDescent="0.15">
      <c r="A2459" s="31"/>
      <c r="D2459" s="33" t="s">
        <v>242</v>
      </c>
      <c r="E2459" s="35" t="s">
        <v>395</v>
      </c>
      <c r="F2459" s="36" t="s">
        <v>396</v>
      </c>
      <c r="G2459" s="36" t="s">
        <v>397</v>
      </c>
      <c r="H2459" s="37" t="s">
        <v>276</v>
      </c>
      <c r="I2459" s="34" t="s">
        <v>251</v>
      </c>
    </row>
    <row r="2460" spans="1:25" ht="21.6" x14ac:dyDescent="0.2">
      <c r="B2460" s="76" t="s">
        <v>37</v>
      </c>
      <c r="C2460" s="38" t="s">
        <v>58</v>
      </c>
      <c r="D2460" s="51">
        <v>609</v>
      </c>
      <c r="E2460" s="52">
        <v>13.5</v>
      </c>
      <c r="F2460" s="52">
        <v>27.6</v>
      </c>
      <c r="G2460" s="52">
        <v>49.1</v>
      </c>
      <c r="H2460" s="53">
        <v>9.9</v>
      </c>
    </row>
    <row r="2461" spans="1:25" ht="21.6" x14ac:dyDescent="0.2">
      <c r="B2461" s="76"/>
      <c r="C2461" s="39" t="s">
        <v>59</v>
      </c>
      <c r="D2461" s="45">
        <v>1391</v>
      </c>
      <c r="E2461" s="46">
        <v>35.9</v>
      </c>
      <c r="F2461" s="46">
        <v>24.7</v>
      </c>
      <c r="G2461" s="46">
        <v>22.7</v>
      </c>
      <c r="H2461" s="47">
        <v>16.8</v>
      </c>
    </row>
    <row r="2462" spans="1:25" x14ac:dyDescent="0.2">
      <c r="B2462" s="76"/>
      <c r="C2462" s="39" t="s">
        <v>60</v>
      </c>
      <c r="D2462" s="45">
        <v>1325</v>
      </c>
      <c r="E2462" s="46">
        <v>27.8</v>
      </c>
      <c r="F2462" s="46">
        <v>25.3</v>
      </c>
      <c r="G2462" s="46">
        <v>32.799999999999997</v>
      </c>
      <c r="H2462" s="47">
        <v>14</v>
      </c>
    </row>
    <row r="2463" spans="1:25" x14ac:dyDescent="0.2">
      <c r="B2463" s="76"/>
      <c r="C2463" s="39" t="s">
        <v>61</v>
      </c>
      <c r="D2463" s="45">
        <v>675</v>
      </c>
      <c r="E2463" s="46">
        <v>31.4</v>
      </c>
      <c r="F2463" s="46">
        <v>26.1</v>
      </c>
      <c r="G2463" s="46">
        <v>26.7</v>
      </c>
      <c r="H2463" s="47">
        <v>15.9</v>
      </c>
    </row>
    <row r="2464" spans="1:25" x14ac:dyDescent="0.2">
      <c r="B2464" s="76"/>
      <c r="C2464" s="39" t="s">
        <v>62</v>
      </c>
      <c r="D2464" s="45">
        <v>1086</v>
      </c>
      <c r="E2464" s="46">
        <v>26.2</v>
      </c>
      <c r="F2464" s="46">
        <v>28.8</v>
      </c>
      <c r="G2464" s="46">
        <v>34.799999999999997</v>
      </c>
      <c r="H2464" s="47">
        <v>10.1</v>
      </c>
    </row>
    <row r="2465" spans="2:8" ht="21.6" x14ac:dyDescent="0.2">
      <c r="B2465" s="76"/>
      <c r="C2465" s="39" t="s">
        <v>63</v>
      </c>
      <c r="D2465" s="45">
        <v>203</v>
      </c>
      <c r="E2465" s="46">
        <v>20.2</v>
      </c>
      <c r="F2465" s="46">
        <v>28.1</v>
      </c>
      <c r="G2465" s="46">
        <v>33</v>
      </c>
      <c r="H2465" s="47">
        <v>18.7</v>
      </c>
    </row>
    <row r="2466" spans="2:8" x14ac:dyDescent="0.2">
      <c r="B2466" s="76"/>
      <c r="C2466" s="39" t="s">
        <v>64</v>
      </c>
      <c r="D2466" s="45">
        <v>263</v>
      </c>
      <c r="E2466" s="46">
        <v>25.1</v>
      </c>
      <c r="F2466" s="46">
        <v>29.3</v>
      </c>
      <c r="G2466" s="46">
        <v>35</v>
      </c>
      <c r="H2466" s="47">
        <v>10.6</v>
      </c>
    </row>
    <row r="2467" spans="2:8" x14ac:dyDescent="0.2">
      <c r="B2467" s="76"/>
      <c r="C2467" s="39" t="s">
        <v>65</v>
      </c>
      <c r="D2467" s="45">
        <v>312</v>
      </c>
      <c r="E2467" s="46">
        <v>33</v>
      </c>
      <c r="F2467" s="46">
        <v>28.2</v>
      </c>
      <c r="G2467" s="46">
        <v>32.1</v>
      </c>
      <c r="H2467" s="47">
        <v>6.7</v>
      </c>
    </row>
    <row r="2468" spans="2:8" x14ac:dyDescent="0.2">
      <c r="B2468" s="76"/>
      <c r="C2468" s="39" t="s">
        <v>66</v>
      </c>
      <c r="D2468" s="45">
        <v>230</v>
      </c>
      <c r="E2468" s="46">
        <v>23</v>
      </c>
      <c r="F2468" s="46">
        <v>27.8</v>
      </c>
      <c r="G2468" s="46">
        <v>41.3</v>
      </c>
      <c r="H2468" s="47">
        <v>7.8</v>
      </c>
    </row>
    <row r="2469" spans="2:8" x14ac:dyDescent="0.2">
      <c r="B2469" s="76"/>
      <c r="C2469" s="39" t="s">
        <v>67</v>
      </c>
      <c r="D2469" s="45">
        <v>78</v>
      </c>
      <c r="E2469" s="46">
        <v>28.2</v>
      </c>
      <c r="F2469" s="46">
        <v>34.6</v>
      </c>
      <c r="G2469" s="46">
        <v>30.8</v>
      </c>
      <c r="H2469" s="47">
        <v>6.4</v>
      </c>
    </row>
    <row r="2470" spans="2:8" x14ac:dyDescent="0.2">
      <c r="B2470" s="76"/>
      <c r="C2470" s="39" t="s">
        <v>68</v>
      </c>
      <c r="D2470" s="45">
        <v>897</v>
      </c>
      <c r="E2470" s="46">
        <v>26</v>
      </c>
      <c r="F2470" s="46">
        <v>30.2</v>
      </c>
      <c r="G2470" s="46">
        <v>37.700000000000003</v>
      </c>
      <c r="H2470" s="47">
        <v>6.1</v>
      </c>
    </row>
    <row r="2471" spans="2:8" x14ac:dyDescent="0.2">
      <c r="B2471" s="76"/>
      <c r="C2471" s="39" t="s">
        <v>69</v>
      </c>
      <c r="D2471" s="45">
        <v>189</v>
      </c>
      <c r="E2471" s="46">
        <v>27.5</v>
      </c>
      <c r="F2471" s="46">
        <v>22.2</v>
      </c>
      <c r="G2471" s="46">
        <v>21.2</v>
      </c>
      <c r="H2471" s="47">
        <v>29.1</v>
      </c>
    </row>
    <row r="2472" spans="2:8" x14ac:dyDescent="0.2">
      <c r="B2472" s="76"/>
      <c r="C2472" s="39" t="s">
        <v>70</v>
      </c>
      <c r="D2472" s="45">
        <v>914</v>
      </c>
      <c r="E2472" s="46">
        <v>32.4</v>
      </c>
      <c r="F2472" s="46">
        <v>21.7</v>
      </c>
      <c r="G2472" s="46">
        <v>25.9</v>
      </c>
      <c r="H2472" s="47">
        <v>20</v>
      </c>
    </row>
    <row r="2473" spans="2:8" ht="21.6" x14ac:dyDescent="0.2">
      <c r="B2473" s="76"/>
      <c r="C2473" s="39" t="s">
        <v>63</v>
      </c>
      <c r="D2473" s="45">
        <v>193</v>
      </c>
      <c r="E2473" s="46">
        <v>21.8</v>
      </c>
      <c r="F2473" s="46">
        <v>24.9</v>
      </c>
      <c r="G2473" s="46">
        <v>31.1</v>
      </c>
      <c r="H2473" s="47">
        <v>22.3</v>
      </c>
    </row>
    <row r="2474" spans="2:8" x14ac:dyDescent="0.2">
      <c r="B2474" s="76"/>
      <c r="C2474" s="39" t="s">
        <v>64</v>
      </c>
      <c r="D2474" s="45">
        <v>203</v>
      </c>
      <c r="E2474" s="46">
        <v>31.5</v>
      </c>
      <c r="F2474" s="46">
        <v>23.6</v>
      </c>
      <c r="G2474" s="46">
        <v>27.6</v>
      </c>
      <c r="H2474" s="47">
        <v>17.2</v>
      </c>
    </row>
    <row r="2475" spans="2:8" x14ac:dyDescent="0.2">
      <c r="B2475" s="76"/>
      <c r="C2475" s="39" t="s">
        <v>65</v>
      </c>
      <c r="D2475" s="45">
        <v>263</v>
      </c>
      <c r="E2475" s="46">
        <v>35.700000000000003</v>
      </c>
      <c r="F2475" s="46">
        <v>18.600000000000001</v>
      </c>
      <c r="G2475" s="46">
        <v>23.6</v>
      </c>
      <c r="H2475" s="47">
        <v>22.1</v>
      </c>
    </row>
    <row r="2476" spans="2:8" x14ac:dyDescent="0.2">
      <c r="B2476" s="76"/>
      <c r="C2476" s="39" t="s">
        <v>66</v>
      </c>
      <c r="D2476" s="45">
        <v>194</v>
      </c>
      <c r="E2476" s="46">
        <v>37.6</v>
      </c>
      <c r="F2476" s="46">
        <v>21.6</v>
      </c>
      <c r="G2476" s="46">
        <v>23.2</v>
      </c>
      <c r="H2476" s="47">
        <v>17.5</v>
      </c>
    </row>
    <row r="2477" spans="2:8" x14ac:dyDescent="0.2">
      <c r="B2477" s="76"/>
      <c r="C2477" s="39" t="s">
        <v>67</v>
      </c>
      <c r="D2477" s="45">
        <v>61</v>
      </c>
      <c r="E2477" s="46">
        <v>37.700000000000003</v>
      </c>
      <c r="F2477" s="46">
        <v>18</v>
      </c>
      <c r="G2477" s="46">
        <v>23</v>
      </c>
      <c r="H2477" s="47">
        <v>21.3</v>
      </c>
    </row>
    <row r="2478" spans="2:8" x14ac:dyDescent="0.2">
      <c r="B2478" s="76"/>
      <c r="C2478" s="39" t="s">
        <v>68</v>
      </c>
      <c r="D2478" s="45">
        <v>416</v>
      </c>
      <c r="E2478" s="46">
        <v>31.5</v>
      </c>
      <c r="F2478" s="46">
        <v>28.6</v>
      </c>
      <c r="G2478" s="46">
        <v>32.5</v>
      </c>
      <c r="H2478" s="47">
        <v>7.5</v>
      </c>
    </row>
    <row r="2479" spans="2:8" x14ac:dyDescent="0.2">
      <c r="B2479" s="76"/>
      <c r="C2479" s="40" t="s">
        <v>69</v>
      </c>
      <c r="D2479" s="48">
        <v>498</v>
      </c>
      <c r="E2479" s="49">
        <v>33.1</v>
      </c>
      <c r="F2479" s="49">
        <v>15.9</v>
      </c>
      <c r="G2479" s="49">
        <v>20.5</v>
      </c>
      <c r="H2479" s="50">
        <v>30.5</v>
      </c>
    </row>
    <row r="2481" spans="1:25" x14ac:dyDescent="0.2">
      <c r="A2481" s="26" t="s">
        <v>25</v>
      </c>
      <c r="B2481" t="s">
        <v>35</v>
      </c>
      <c r="C2481" t="s">
        <v>35</v>
      </c>
    </row>
    <row r="2482" spans="1:25" x14ac:dyDescent="0.2">
      <c r="B2482" s="74" t="s">
        <v>153</v>
      </c>
      <c r="C2482" s="75"/>
      <c r="D2482" s="75"/>
      <c r="E2482" s="75"/>
      <c r="F2482" s="75"/>
      <c r="G2482" s="75"/>
      <c r="H2482" s="75"/>
      <c r="I2482" s="75"/>
      <c r="J2482" s="75"/>
      <c r="K2482" s="75"/>
      <c r="L2482" s="75"/>
      <c r="M2482" s="75"/>
      <c r="N2482" s="75"/>
      <c r="O2482" s="75"/>
      <c r="P2482" s="75"/>
      <c r="Q2482" s="75"/>
      <c r="R2482" s="75"/>
      <c r="S2482" s="75"/>
      <c r="T2482" s="75"/>
      <c r="U2482" s="75"/>
      <c r="V2482" s="75"/>
      <c r="W2482" s="75"/>
      <c r="X2482" s="75"/>
      <c r="Y2482" s="75"/>
    </row>
    <row r="2483" spans="1:25" s="32" customFormat="1" ht="36.450000000000003" customHeight="1" x14ac:dyDescent="0.15">
      <c r="A2483" s="31"/>
      <c r="D2483" s="33" t="s">
        <v>242</v>
      </c>
      <c r="E2483" s="35" t="s">
        <v>398</v>
      </c>
      <c r="F2483" s="36" t="s">
        <v>389</v>
      </c>
      <c r="G2483" s="36" t="s">
        <v>396</v>
      </c>
      <c r="H2483" s="36" t="s">
        <v>397</v>
      </c>
      <c r="I2483" s="37" t="s">
        <v>276</v>
      </c>
      <c r="J2483" s="34" t="s">
        <v>251</v>
      </c>
    </row>
    <row r="2484" spans="1:25" x14ac:dyDescent="0.2">
      <c r="B2484" s="5"/>
      <c r="C2484" s="41" t="s">
        <v>38</v>
      </c>
      <c r="D2484" s="42">
        <v>2000</v>
      </c>
      <c r="E2484" s="43">
        <v>15.6</v>
      </c>
      <c r="F2484" s="43">
        <v>13.5</v>
      </c>
      <c r="G2484" s="43">
        <v>25.6</v>
      </c>
      <c r="H2484" s="43">
        <v>30.8</v>
      </c>
      <c r="I2484" s="44">
        <v>14.7</v>
      </c>
    </row>
    <row r="2485" spans="1:25" x14ac:dyDescent="0.2">
      <c r="B2485" s="76" t="s">
        <v>37</v>
      </c>
      <c r="C2485" s="39" t="s">
        <v>39</v>
      </c>
      <c r="D2485" s="45">
        <v>111</v>
      </c>
      <c r="E2485" s="46">
        <v>29.7</v>
      </c>
      <c r="F2485" s="46">
        <v>18</v>
      </c>
      <c r="G2485" s="46">
        <v>29.7</v>
      </c>
      <c r="H2485" s="46">
        <v>19.8</v>
      </c>
      <c r="I2485" s="47">
        <v>2.7</v>
      </c>
    </row>
    <row r="2486" spans="1:25" x14ac:dyDescent="0.2">
      <c r="B2486" s="76"/>
      <c r="C2486" s="39" t="s">
        <v>40</v>
      </c>
      <c r="D2486" s="45">
        <v>450</v>
      </c>
      <c r="E2486" s="46">
        <v>11.3</v>
      </c>
      <c r="F2486" s="46">
        <v>13.8</v>
      </c>
      <c r="G2486" s="46">
        <v>31.8</v>
      </c>
      <c r="H2486" s="46">
        <v>36.4</v>
      </c>
      <c r="I2486" s="47">
        <v>6.7</v>
      </c>
    </row>
    <row r="2487" spans="1:25" ht="21.6" x14ac:dyDescent="0.2">
      <c r="B2487" s="76"/>
      <c r="C2487" s="39" t="s">
        <v>41</v>
      </c>
      <c r="D2487" s="45">
        <v>30</v>
      </c>
      <c r="E2487" s="46">
        <v>16.7</v>
      </c>
      <c r="F2487" s="46">
        <v>10</v>
      </c>
      <c r="G2487" s="46">
        <v>6.7</v>
      </c>
      <c r="H2487" s="46">
        <v>46.7</v>
      </c>
      <c r="I2487" s="47">
        <v>20</v>
      </c>
    </row>
    <row r="2488" spans="1:25" ht="21.6" x14ac:dyDescent="0.2">
      <c r="B2488" s="76"/>
      <c r="C2488" s="39" t="s">
        <v>42</v>
      </c>
      <c r="D2488" s="45">
        <v>336</v>
      </c>
      <c r="E2488" s="46">
        <v>9.8000000000000007</v>
      </c>
      <c r="F2488" s="46">
        <v>10.7</v>
      </c>
      <c r="G2488" s="46">
        <v>25.9</v>
      </c>
      <c r="H2488" s="46">
        <v>42.6</v>
      </c>
      <c r="I2488" s="47">
        <v>11</v>
      </c>
    </row>
    <row r="2489" spans="1:25" ht="21.6" x14ac:dyDescent="0.2">
      <c r="B2489" s="76"/>
      <c r="C2489" s="39" t="s">
        <v>43</v>
      </c>
      <c r="D2489" s="45">
        <v>327</v>
      </c>
      <c r="E2489" s="46">
        <v>21.4</v>
      </c>
      <c r="F2489" s="46">
        <v>13.8</v>
      </c>
      <c r="G2489" s="46">
        <v>22.3</v>
      </c>
      <c r="H2489" s="46">
        <v>22.3</v>
      </c>
      <c r="I2489" s="47">
        <v>20.2</v>
      </c>
    </row>
    <row r="2490" spans="1:25" ht="21.6" x14ac:dyDescent="0.2">
      <c r="B2490" s="76"/>
      <c r="C2490" s="39" t="s">
        <v>44</v>
      </c>
      <c r="D2490" s="45">
        <v>181</v>
      </c>
      <c r="E2490" s="46">
        <v>11.6</v>
      </c>
      <c r="F2490" s="46">
        <v>6.6</v>
      </c>
      <c r="G2490" s="46">
        <v>17.100000000000001</v>
      </c>
      <c r="H2490" s="46">
        <v>54.1</v>
      </c>
      <c r="I2490" s="47">
        <v>10.5</v>
      </c>
    </row>
    <row r="2491" spans="1:25" ht="21.6" x14ac:dyDescent="0.2">
      <c r="B2491" s="76"/>
      <c r="C2491" s="39" t="s">
        <v>45</v>
      </c>
      <c r="D2491" s="45">
        <v>565</v>
      </c>
      <c r="E2491" s="46">
        <v>17.5</v>
      </c>
      <c r="F2491" s="46">
        <v>16.100000000000001</v>
      </c>
      <c r="G2491" s="46">
        <v>25.1</v>
      </c>
      <c r="H2491" s="46">
        <v>17.899999999999999</v>
      </c>
      <c r="I2491" s="47">
        <v>23.4</v>
      </c>
    </row>
    <row r="2492" spans="1:25" ht="21.6" x14ac:dyDescent="0.2">
      <c r="B2492" s="76"/>
      <c r="C2492" s="39" t="s">
        <v>46</v>
      </c>
      <c r="D2492" s="45">
        <v>473</v>
      </c>
      <c r="E2492" s="46">
        <v>19.7</v>
      </c>
      <c r="F2492" s="46">
        <v>15</v>
      </c>
      <c r="G2492" s="46">
        <v>23.9</v>
      </c>
      <c r="H2492" s="46">
        <v>21.1</v>
      </c>
      <c r="I2492" s="47">
        <v>20.3</v>
      </c>
    </row>
    <row r="2493" spans="1:25" ht="21.6" x14ac:dyDescent="0.2">
      <c r="B2493" s="76"/>
      <c r="C2493" s="39" t="s">
        <v>47</v>
      </c>
      <c r="D2493" s="45">
        <v>441</v>
      </c>
      <c r="E2493" s="46">
        <v>17.899999999999999</v>
      </c>
      <c r="F2493" s="46">
        <v>15.4</v>
      </c>
      <c r="G2493" s="46">
        <v>27.7</v>
      </c>
      <c r="H2493" s="46">
        <v>28.3</v>
      </c>
      <c r="I2493" s="47">
        <v>10.7</v>
      </c>
    </row>
    <row r="2494" spans="1:25" ht="21.6" x14ac:dyDescent="0.2">
      <c r="B2494" s="76"/>
      <c r="C2494" s="39" t="s">
        <v>48</v>
      </c>
      <c r="D2494" s="45">
        <v>305</v>
      </c>
      <c r="E2494" s="46">
        <v>16.100000000000001</v>
      </c>
      <c r="F2494" s="46">
        <v>12.1</v>
      </c>
      <c r="G2494" s="46">
        <v>30.2</v>
      </c>
      <c r="H2494" s="46">
        <v>35.1</v>
      </c>
      <c r="I2494" s="47">
        <v>6.6</v>
      </c>
    </row>
    <row r="2495" spans="1:25" ht="21.6" x14ac:dyDescent="0.2">
      <c r="B2495" s="76"/>
      <c r="C2495" s="39" t="s">
        <v>49</v>
      </c>
      <c r="D2495" s="45">
        <v>223</v>
      </c>
      <c r="E2495" s="46">
        <v>12.1</v>
      </c>
      <c r="F2495" s="46">
        <v>9.9</v>
      </c>
      <c r="G2495" s="46">
        <v>30.5</v>
      </c>
      <c r="H2495" s="46">
        <v>40.4</v>
      </c>
      <c r="I2495" s="47">
        <v>7.2</v>
      </c>
    </row>
    <row r="2496" spans="1:25" ht="21.6" x14ac:dyDescent="0.2">
      <c r="B2496" s="76"/>
      <c r="C2496" s="39" t="s">
        <v>50</v>
      </c>
      <c r="D2496" s="45">
        <v>123</v>
      </c>
      <c r="E2496" s="46">
        <v>6.5</v>
      </c>
      <c r="F2496" s="46">
        <v>9.8000000000000007</v>
      </c>
      <c r="G2496" s="46">
        <v>24.4</v>
      </c>
      <c r="H2496" s="46">
        <v>55.3</v>
      </c>
      <c r="I2496" s="47">
        <v>4.0999999999999996</v>
      </c>
    </row>
    <row r="2497" spans="1:25" ht="21.6" x14ac:dyDescent="0.2">
      <c r="B2497" s="76"/>
      <c r="C2497" s="39" t="s">
        <v>51</v>
      </c>
      <c r="D2497" s="45">
        <v>124</v>
      </c>
      <c r="E2497" s="46">
        <v>11.3</v>
      </c>
      <c r="F2497" s="46">
        <v>14.5</v>
      </c>
      <c r="G2497" s="46">
        <v>19.399999999999999</v>
      </c>
      <c r="H2497" s="46">
        <v>50</v>
      </c>
      <c r="I2497" s="47">
        <v>4.8</v>
      </c>
    </row>
    <row r="2498" spans="1:25" ht="21.6" x14ac:dyDescent="0.2">
      <c r="B2498" s="76"/>
      <c r="C2498" s="39" t="s">
        <v>52</v>
      </c>
      <c r="D2498" s="45">
        <v>312</v>
      </c>
      <c r="E2498" s="46">
        <v>100</v>
      </c>
      <c r="F2498" s="46">
        <v>0</v>
      </c>
      <c r="G2498" s="46">
        <v>0</v>
      </c>
      <c r="H2498" s="46">
        <v>0</v>
      </c>
      <c r="I2498" s="47">
        <v>0</v>
      </c>
    </row>
    <row r="2499" spans="1:25" x14ac:dyDescent="0.2">
      <c r="B2499" s="76"/>
      <c r="C2499" s="39" t="s">
        <v>53</v>
      </c>
      <c r="D2499" s="45">
        <v>269</v>
      </c>
      <c r="E2499" s="46">
        <v>0</v>
      </c>
      <c r="F2499" s="46">
        <v>100</v>
      </c>
      <c r="G2499" s="46">
        <v>0</v>
      </c>
      <c r="H2499" s="46">
        <v>0</v>
      </c>
      <c r="I2499" s="47">
        <v>0</v>
      </c>
    </row>
    <row r="2500" spans="1:25" ht="21.6" x14ac:dyDescent="0.2">
      <c r="B2500" s="76"/>
      <c r="C2500" s="39" t="s">
        <v>54</v>
      </c>
      <c r="D2500" s="45">
        <v>511</v>
      </c>
      <c r="E2500" s="46">
        <v>0</v>
      </c>
      <c r="F2500" s="46">
        <v>0</v>
      </c>
      <c r="G2500" s="46">
        <v>100</v>
      </c>
      <c r="H2500" s="46">
        <v>0</v>
      </c>
      <c r="I2500" s="47">
        <v>0</v>
      </c>
    </row>
    <row r="2501" spans="1:25" ht="21.6" x14ac:dyDescent="0.2">
      <c r="B2501" s="76"/>
      <c r="C2501" s="39" t="s">
        <v>55</v>
      </c>
      <c r="D2501" s="45">
        <v>615</v>
      </c>
      <c r="E2501" s="46">
        <v>0</v>
      </c>
      <c r="F2501" s="46">
        <v>0</v>
      </c>
      <c r="G2501" s="46">
        <v>0</v>
      </c>
      <c r="H2501" s="46">
        <v>100</v>
      </c>
      <c r="I2501" s="47">
        <v>0</v>
      </c>
    </row>
    <row r="2502" spans="1:25" ht="21.6" x14ac:dyDescent="0.2">
      <c r="B2502" s="76"/>
      <c r="C2502" s="39" t="s">
        <v>56</v>
      </c>
      <c r="D2502" s="45">
        <v>800</v>
      </c>
      <c r="E2502" s="46">
        <v>3.8</v>
      </c>
      <c r="F2502" s="46">
        <v>6.5</v>
      </c>
      <c r="G2502" s="46">
        <v>26.5</v>
      </c>
      <c r="H2502" s="46">
        <v>53.1</v>
      </c>
      <c r="I2502" s="47">
        <v>10.1</v>
      </c>
    </row>
    <row r="2503" spans="1:25" x14ac:dyDescent="0.2">
      <c r="B2503" s="76"/>
      <c r="C2503" s="40" t="s">
        <v>57</v>
      </c>
      <c r="D2503" s="48">
        <v>798</v>
      </c>
      <c r="E2503" s="49">
        <v>28.7</v>
      </c>
      <c r="F2503" s="49">
        <v>19.8</v>
      </c>
      <c r="G2503" s="49">
        <v>28.8</v>
      </c>
      <c r="H2503" s="49">
        <v>15.7</v>
      </c>
      <c r="I2503" s="50">
        <v>7</v>
      </c>
    </row>
    <row r="2505" spans="1:25" x14ac:dyDescent="0.2">
      <c r="C2505" t="s">
        <v>35</v>
      </c>
    </row>
    <row r="2506" spans="1:25" x14ac:dyDescent="0.2">
      <c r="B2506" s="74" t="s">
        <v>226</v>
      </c>
      <c r="C2506" s="75"/>
      <c r="D2506" s="75"/>
      <c r="E2506" s="75"/>
      <c r="F2506" s="75"/>
      <c r="G2506" s="75"/>
      <c r="H2506" s="75"/>
      <c r="I2506" s="75"/>
      <c r="J2506" s="75"/>
      <c r="K2506" s="75"/>
      <c r="L2506" s="75"/>
      <c r="M2506" s="75"/>
      <c r="N2506" s="75"/>
      <c r="O2506" s="75"/>
      <c r="P2506" s="75"/>
      <c r="Q2506" s="75"/>
      <c r="R2506" s="75"/>
      <c r="S2506" s="75"/>
      <c r="T2506" s="75"/>
      <c r="U2506" s="75"/>
      <c r="V2506" s="75"/>
      <c r="W2506" s="75"/>
      <c r="X2506" s="75"/>
      <c r="Y2506" s="75"/>
    </row>
    <row r="2507" spans="1:25" s="32" customFormat="1" ht="36.450000000000003" customHeight="1" x14ac:dyDescent="0.15">
      <c r="A2507" s="31"/>
      <c r="D2507" s="33" t="s">
        <v>242</v>
      </c>
      <c r="E2507" s="35" t="s">
        <v>398</v>
      </c>
      <c r="F2507" s="36" t="s">
        <v>389</v>
      </c>
      <c r="G2507" s="36" t="s">
        <v>396</v>
      </c>
      <c r="H2507" s="36" t="s">
        <v>397</v>
      </c>
      <c r="I2507" s="37" t="s">
        <v>276</v>
      </c>
      <c r="J2507" s="34" t="s">
        <v>251</v>
      </c>
    </row>
    <row r="2508" spans="1:25" ht="21.6" x14ac:dyDescent="0.2">
      <c r="B2508" s="76" t="s">
        <v>37</v>
      </c>
      <c r="C2508" s="38" t="s">
        <v>58</v>
      </c>
      <c r="D2508" s="51">
        <v>609</v>
      </c>
      <c r="E2508" s="52">
        <v>5.4</v>
      </c>
      <c r="F2508" s="52">
        <v>8</v>
      </c>
      <c r="G2508" s="52">
        <v>27.6</v>
      </c>
      <c r="H2508" s="52">
        <v>49.1</v>
      </c>
      <c r="I2508" s="53">
        <v>9.9</v>
      </c>
    </row>
    <row r="2509" spans="1:25" ht="21.6" x14ac:dyDescent="0.2">
      <c r="B2509" s="76"/>
      <c r="C2509" s="39" t="s">
        <v>59</v>
      </c>
      <c r="D2509" s="45">
        <v>1391</v>
      </c>
      <c r="E2509" s="46">
        <v>20.100000000000001</v>
      </c>
      <c r="F2509" s="46">
        <v>15.8</v>
      </c>
      <c r="G2509" s="46">
        <v>24.7</v>
      </c>
      <c r="H2509" s="46">
        <v>22.7</v>
      </c>
      <c r="I2509" s="47">
        <v>16.8</v>
      </c>
    </row>
    <row r="2510" spans="1:25" x14ac:dyDescent="0.2">
      <c r="B2510" s="76"/>
      <c r="C2510" s="39" t="s">
        <v>60</v>
      </c>
      <c r="D2510" s="45">
        <v>1325</v>
      </c>
      <c r="E2510" s="46">
        <v>14.3</v>
      </c>
      <c r="F2510" s="46">
        <v>13.5</v>
      </c>
      <c r="G2510" s="46">
        <v>25.3</v>
      </c>
      <c r="H2510" s="46">
        <v>32.799999999999997</v>
      </c>
      <c r="I2510" s="47">
        <v>14</v>
      </c>
    </row>
    <row r="2511" spans="1:25" x14ac:dyDescent="0.2">
      <c r="B2511" s="76"/>
      <c r="C2511" s="39" t="s">
        <v>61</v>
      </c>
      <c r="D2511" s="45">
        <v>675</v>
      </c>
      <c r="E2511" s="46">
        <v>18.100000000000001</v>
      </c>
      <c r="F2511" s="46">
        <v>13.3</v>
      </c>
      <c r="G2511" s="46">
        <v>26.1</v>
      </c>
      <c r="H2511" s="46">
        <v>26.7</v>
      </c>
      <c r="I2511" s="47">
        <v>15.9</v>
      </c>
    </row>
    <row r="2512" spans="1:25" x14ac:dyDescent="0.2">
      <c r="B2512" s="76"/>
      <c r="C2512" s="39" t="s">
        <v>62</v>
      </c>
      <c r="D2512" s="45">
        <v>1086</v>
      </c>
      <c r="E2512" s="46">
        <v>12.8</v>
      </c>
      <c r="F2512" s="46">
        <v>13.4</v>
      </c>
      <c r="G2512" s="46">
        <v>28.8</v>
      </c>
      <c r="H2512" s="46">
        <v>34.799999999999997</v>
      </c>
      <c r="I2512" s="47">
        <v>10.1</v>
      </c>
    </row>
    <row r="2513" spans="2:9" ht="21.6" x14ac:dyDescent="0.2">
      <c r="B2513" s="76"/>
      <c r="C2513" s="39" t="s">
        <v>63</v>
      </c>
      <c r="D2513" s="45">
        <v>203</v>
      </c>
      <c r="E2513" s="46">
        <v>6.4</v>
      </c>
      <c r="F2513" s="46">
        <v>13.8</v>
      </c>
      <c r="G2513" s="46">
        <v>28.1</v>
      </c>
      <c r="H2513" s="46">
        <v>33</v>
      </c>
      <c r="I2513" s="47">
        <v>18.7</v>
      </c>
    </row>
    <row r="2514" spans="2:9" x14ac:dyDescent="0.2">
      <c r="B2514" s="76"/>
      <c r="C2514" s="39" t="s">
        <v>64</v>
      </c>
      <c r="D2514" s="45">
        <v>263</v>
      </c>
      <c r="E2514" s="46">
        <v>9.9</v>
      </c>
      <c r="F2514" s="46">
        <v>15.2</v>
      </c>
      <c r="G2514" s="46">
        <v>29.3</v>
      </c>
      <c r="H2514" s="46">
        <v>35</v>
      </c>
      <c r="I2514" s="47">
        <v>10.6</v>
      </c>
    </row>
    <row r="2515" spans="2:9" x14ac:dyDescent="0.2">
      <c r="B2515" s="76"/>
      <c r="C2515" s="39" t="s">
        <v>65</v>
      </c>
      <c r="D2515" s="45">
        <v>312</v>
      </c>
      <c r="E2515" s="46">
        <v>18.899999999999999</v>
      </c>
      <c r="F2515" s="46">
        <v>14.1</v>
      </c>
      <c r="G2515" s="46">
        <v>28.2</v>
      </c>
      <c r="H2515" s="46">
        <v>32.1</v>
      </c>
      <c r="I2515" s="47">
        <v>6.7</v>
      </c>
    </row>
    <row r="2516" spans="2:9" x14ac:dyDescent="0.2">
      <c r="B2516" s="76"/>
      <c r="C2516" s="39" t="s">
        <v>66</v>
      </c>
      <c r="D2516" s="45">
        <v>230</v>
      </c>
      <c r="E2516" s="46">
        <v>13</v>
      </c>
      <c r="F2516" s="46">
        <v>10</v>
      </c>
      <c r="G2516" s="46">
        <v>27.8</v>
      </c>
      <c r="H2516" s="46">
        <v>41.3</v>
      </c>
      <c r="I2516" s="47">
        <v>7.8</v>
      </c>
    </row>
    <row r="2517" spans="2:9" x14ac:dyDescent="0.2">
      <c r="B2517" s="76"/>
      <c r="C2517" s="39" t="s">
        <v>67</v>
      </c>
      <c r="D2517" s="45">
        <v>78</v>
      </c>
      <c r="E2517" s="46">
        <v>14.1</v>
      </c>
      <c r="F2517" s="46">
        <v>14.1</v>
      </c>
      <c r="G2517" s="46">
        <v>34.6</v>
      </c>
      <c r="H2517" s="46">
        <v>30.8</v>
      </c>
      <c r="I2517" s="47">
        <v>6.4</v>
      </c>
    </row>
    <row r="2518" spans="2:9" x14ac:dyDescent="0.2">
      <c r="B2518" s="76"/>
      <c r="C2518" s="39" t="s">
        <v>68</v>
      </c>
      <c r="D2518" s="45">
        <v>897</v>
      </c>
      <c r="E2518" s="46">
        <v>13</v>
      </c>
      <c r="F2518" s="46">
        <v>12.9</v>
      </c>
      <c r="G2518" s="46">
        <v>30.2</v>
      </c>
      <c r="H2518" s="46">
        <v>37.700000000000003</v>
      </c>
      <c r="I2518" s="47">
        <v>6.1</v>
      </c>
    </row>
    <row r="2519" spans="2:9" x14ac:dyDescent="0.2">
      <c r="B2519" s="76"/>
      <c r="C2519" s="39" t="s">
        <v>69</v>
      </c>
      <c r="D2519" s="45">
        <v>189</v>
      </c>
      <c r="E2519" s="46">
        <v>11.6</v>
      </c>
      <c r="F2519" s="46">
        <v>15.9</v>
      </c>
      <c r="G2519" s="46">
        <v>22.2</v>
      </c>
      <c r="H2519" s="46">
        <v>21.2</v>
      </c>
      <c r="I2519" s="47">
        <v>29.1</v>
      </c>
    </row>
    <row r="2520" spans="2:9" x14ac:dyDescent="0.2">
      <c r="B2520" s="76"/>
      <c r="C2520" s="39" t="s">
        <v>70</v>
      </c>
      <c r="D2520" s="45">
        <v>914</v>
      </c>
      <c r="E2520" s="46">
        <v>18.899999999999999</v>
      </c>
      <c r="F2520" s="46">
        <v>13.5</v>
      </c>
      <c r="G2520" s="46">
        <v>21.7</v>
      </c>
      <c r="H2520" s="46">
        <v>25.9</v>
      </c>
      <c r="I2520" s="47">
        <v>20</v>
      </c>
    </row>
    <row r="2521" spans="2:9" ht="21.6" x14ac:dyDescent="0.2">
      <c r="B2521" s="76"/>
      <c r="C2521" s="39" t="s">
        <v>63</v>
      </c>
      <c r="D2521" s="45">
        <v>193</v>
      </c>
      <c r="E2521" s="46">
        <v>11.4</v>
      </c>
      <c r="F2521" s="46">
        <v>10.4</v>
      </c>
      <c r="G2521" s="46">
        <v>24.9</v>
      </c>
      <c r="H2521" s="46">
        <v>31.1</v>
      </c>
      <c r="I2521" s="47">
        <v>22.3</v>
      </c>
    </row>
    <row r="2522" spans="2:9" x14ac:dyDescent="0.2">
      <c r="B2522" s="76"/>
      <c r="C2522" s="39" t="s">
        <v>64</v>
      </c>
      <c r="D2522" s="45">
        <v>203</v>
      </c>
      <c r="E2522" s="46">
        <v>14.8</v>
      </c>
      <c r="F2522" s="46">
        <v>16.7</v>
      </c>
      <c r="G2522" s="46">
        <v>23.6</v>
      </c>
      <c r="H2522" s="46">
        <v>27.6</v>
      </c>
      <c r="I2522" s="47">
        <v>17.2</v>
      </c>
    </row>
    <row r="2523" spans="2:9" x14ac:dyDescent="0.2">
      <c r="B2523" s="76"/>
      <c r="C2523" s="39" t="s">
        <v>65</v>
      </c>
      <c r="D2523" s="45">
        <v>263</v>
      </c>
      <c r="E2523" s="46">
        <v>22.4</v>
      </c>
      <c r="F2523" s="46">
        <v>13.3</v>
      </c>
      <c r="G2523" s="46">
        <v>18.600000000000001</v>
      </c>
      <c r="H2523" s="46">
        <v>23.6</v>
      </c>
      <c r="I2523" s="47">
        <v>22.1</v>
      </c>
    </row>
    <row r="2524" spans="2:9" x14ac:dyDescent="0.2">
      <c r="B2524" s="76"/>
      <c r="C2524" s="39" t="s">
        <v>66</v>
      </c>
      <c r="D2524" s="45">
        <v>194</v>
      </c>
      <c r="E2524" s="46">
        <v>23.7</v>
      </c>
      <c r="F2524" s="46">
        <v>13.9</v>
      </c>
      <c r="G2524" s="46">
        <v>21.6</v>
      </c>
      <c r="H2524" s="46">
        <v>23.2</v>
      </c>
      <c r="I2524" s="47">
        <v>17.5</v>
      </c>
    </row>
    <row r="2525" spans="2:9" x14ac:dyDescent="0.2">
      <c r="B2525" s="76"/>
      <c r="C2525" s="39" t="s">
        <v>67</v>
      </c>
      <c r="D2525" s="45">
        <v>61</v>
      </c>
      <c r="E2525" s="46">
        <v>26.2</v>
      </c>
      <c r="F2525" s="46">
        <v>11.5</v>
      </c>
      <c r="G2525" s="46">
        <v>18</v>
      </c>
      <c r="H2525" s="46">
        <v>23</v>
      </c>
      <c r="I2525" s="47">
        <v>21.3</v>
      </c>
    </row>
    <row r="2526" spans="2:9" x14ac:dyDescent="0.2">
      <c r="B2526" s="76"/>
      <c r="C2526" s="39" t="s">
        <v>68</v>
      </c>
      <c r="D2526" s="45">
        <v>416</v>
      </c>
      <c r="E2526" s="46">
        <v>20</v>
      </c>
      <c r="F2526" s="46">
        <v>11.5</v>
      </c>
      <c r="G2526" s="46">
        <v>28.6</v>
      </c>
      <c r="H2526" s="46">
        <v>32.5</v>
      </c>
      <c r="I2526" s="47">
        <v>7.5</v>
      </c>
    </row>
    <row r="2527" spans="2:9" x14ac:dyDescent="0.2">
      <c r="B2527" s="76"/>
      <c r="C2527" s="40" t="s">
        <v>69</v>
      </c>
      <c r="D2527" s="48">
        <v>498</v>
      </c>
      <c r="E2527" s="49">
        <v>18.100000000000001</v>
      </c>
      <c r="F2527" s="49">
        <v>15.1</v>
      </c>
      <c r="G2527" s="49">
        <v>15.9</v>
      </c>
      <c r="H2527" s="49">
        <v>20.5</v>
      </c>
      <c r="I2527" s="50">
        <v>30.5</v>
      </c>
    </row>
    <row r="2529" spans="1:25" x14ac:dyDescent="0.2">
      <c r="A2529" s="26" t="s">
        <v>25</v>
      </c>
      <c r="B2529" t="s">
        <v>35</v>
      </c>
      <c r="C2529" t="s">
        <v>35</v>
      </c>
    </row>
    <row r="2530" spans="1:25" x14ac:dyDescent="0.2">
      <c r="B2530" s="74" t="s">
        <v>154</v>
      </c>
      <c r="C2530" s="75"/>
      <c r="D2530" s="75"/>
      <c r="E2530" s="75"/>
      <c r="F2530" s="75"/>
      <c r="G2530" s="75"/>
      <c r="H2530" s="75"/>
      <c r="I2530" s="75"/>
      <c r="J2530" s="75"/>
      <c r="K2530" s="75"/>
      <c r="L2530" s="75"/>
      <c r="M2530" s="75"/>
      <c r="N2530" s="75"/>
      <c r="O2530" s="75"/>
      <c r="P2530" s="75"/>
      <c r="Q2530" s="75"/>
      <c r="R2530" s="75"/>
      <c r="S2530" s="75"/>
      <c r="T2530" s="75"/>
      <c r="U2530" s="75"/>
      <c r="V2530" s="75"/>
      <c r="W2530" s="75"/>
      <c r="X2530" s="75"/>
      <c r="Y2530" s="75"/>
    </row>
    <row r="2531" spans="1:25" s="32" customFormat="1" ht="58.05" customHeight="1" x14ac:dyDescent="0.15">
      <c r="A2531" s="31"/>
      <c r="D2531" s="33" t="s">
        <v>242</v>
      </c>
      <c r="E2531" s="35" t="s">
        <v>399</v>
      </c>
      <c r="F2531" s="36" t="s">
        <v>400</v>
      </c>
      <c r="G2531" s="36" t="s">
        <v>401</v>
      </c>
      <c r="H2531" s="36" t="s">
        <v>402</v>
      </c>
      <c r="I2531" s="36" t="s">
        <v>403</v>
      </c>
      <c r="J2531" s="36" t="s">
        <v>404</v>
      </c>
      <c r="K2531" s="36" t="s">
        <v>405</v>
      </c>
      <c r="L2531" s="36" t="s">
        <v>406</v>
      </c>
      <c r="M2531" s="36" t="s">
        <v>407</v>
      </c>
      <c r="N2531" s="36" t="s">
        <v>408</v>
      </c>
      <c r="O2531" s="36" t="s">
        <v>264</v>
      </c>
      <c r="P2531" s="37" t="s">
        <v>276</v>
      </c>
      <c r="Q2531" s="34" t="s">
        <v>251</v>
      </c>
    </row>
    <row r="2532" spans="1:25" x14ac:dyDescent="0.2">
      <c r="B2532" s="5"/>
      <c r="C2532" s="41" t="s">
        <v>38</v>
      </c>
      <c r="D2532" s="42">
        <v>2000</v>
      </c>
      <c r="E2532" s="43">
        <v>8.1999999999999993</v>
      </c>
      <c r="F2532" s="43">
        <v>16.600000000000001</v>
      </c>
      <c r="G2532" s="43">
        <v>28.3</v>
      </c>
      <c r="H2532" s="43">
        <v>15.2</v>
      </c>
      <c r="I2532" s="43">
        <v>12.9</v>
      </c>
      <c r="J2532" s="43">
        <v>1</v>
      </c>
      <c r="K2532" s="43">
        <v>6.5</v>
      </c>
      <c r="L2532" s="43">
        <v>2.2999999999999998</v>
      </c>
      <c r="M2532" s="43">
        <v>1.4</v>
      </c>
      <c r="N2532" s="43">
        <v>3.9</v>
      </c>
      <c r="O2532" s="43">
        <v>1.6</v>
      </c>
      <c r="P2532" s="44">
        <v>2.4</v>
      </c>
    </row>
    <row r="2533" spans="1:25" x14ac:dyDescent="0.2">
      <c r="B2533" s="76" t="s">
        <v>37</v>
      </c>
      <c r="C2533" s="39" t="s">
        <v>39</v>
      </c>
      <c r="D2533" s="45">
        <v>111</v>
      </c>
      <c r="E2533" s="46">
        <v>9.9</v>
      </c>
      <c r="F2533" s="46">
        <v>19.8</v>
      </c>
      <c r="G2533" s="46">
        <v>36</v>
      </c>
      <c r="H2533" s="46">
        <v>8.1</v>
      </c>
      <c r="I2533" s="46">
        <v>1.8</v>
      </c>
      <c r="J2533" s="46">
        <v>0</v>
      </c>
      <c r="K2533" s="46">
        <v>0</v>
      </c>
      <c r="L2533" s="46">
        <v>0</v>
      </c>
      <c r="M2533" s="46">
        <v>21.6</v>
      </c>
      <c r="N2533" s="46">
        <v>0</v>
      </c>
      <c r="O2533" s="46">
        <v>2.7</v>
      </c>
      <c r="P2533" s="47">
        <v>0</v>
      </c>
    </row>
    <row r="2534" spans="1:25" x14ac:dyDescent="0.2">
      <c r="B2534" s="76"/>
      <c r="C2534" s="39" t="s">
        <v>40</v>
      </c>
      <c r="D2534" s="45">
        <v>450</v>
      </c>
      <c r="E2534" s="46">
        <v>11.1</v>
      </c>
      <c r="F2534" s="46">
        <v>20.399999999999999</v>
      </c>
      <c r="G2534" s="46">
        <v>23.8</v>
      </c>
      <c r="H2534" s="46">
        <v>11.3</v>
      </c>
      <c r="I2534" s="46">
        <v>0.4</v>
      </c>
      <c r="J2534" s="46">
        <v>0.2</v>
      </c>
      <c r="K2534" s="46">
        <v>26.4</v>
      </c>
      <c r="L2534" s="46">
        <v>0.9</v>
      </c>
      <c r="M2534" s="46">
        <v>0.2</v>
      </c>
      <c r="N2534" s="46">
        <v>1.3</v>
      </c>
      <c r="O2534" s="46">
        <v>1.6</v>
      </c>
      <c r="P2534" s="47">
        <v>2.2000000000000002</v>
      </c>
    </row>
    <row r="2535" spans="1:25" ht="21.6" x14ac:dyDescent="0.2">
      <c r="B2535" s="76"/>
      <c r="C2535" s="39" t="s">
        <v>41</v>
      </c>
      <c r="D2535" s="45">
        <v>30</v>
      </c>
      <c r="E2535" s="46">
        <v>6.7</v>
      </c>
      <c r="F2535" s="46">
        <v>13.3</v>
      </c>
      <c r="G2535" s="46">
        <v>40</v>
      </c>
      <c r="H2535" s="46">
        <v>16.7</v>
      </c>
      <c r="I2535" s="46">
        <v>10</v>
      </c>
      <c r="J2535" s="46">
        <v>0</v>
      </c>
      <c r="K2535" s="46">
        <v>10</v>
      </c>
      <c r="L2535" s="46">
        <v>0</v>
      </c>
      <c r="M2535" s="46">
        <v>0</v>
      </c>
      <c r="N2535" s="46">
        <v>0</v>
      </c>
      <c r="O2535" s="46">
        <v>0</v>
      </c>
      <c r="P2535" s="47">
        <v>3.3</v>
      </c>
    </row>
    <row r="2536" spans="1:25" ht="21.6" x14ac:dyDescent="0.2">
      <c r="B2536" s="76"/>
      <c r="C2536" s="39" t="s">
        <v>42</v>
      </c>
      <c r="D2536" s="45">
        <v>336</v>
      </c>
      <c r="E2536" s="46">
        <v>10.4</v>
      </c>
      <c r="F2536" s="46">
        <v>29.5</v>
      </c>
      <c r="G2536" s="46">
        <v>22.6</v>
      </c>
      <c r="H2536" s="46">
        <v>5.4</v>
      </c>
      <c r="I2536" s="46">
        <v>3.9</v>
      </c>
      <c r="J2536" s="46">
        <v>0.3</v>
      </c>
      <c r="K2536" s="46">
        <v>0</v>
      </c>
      <c r="L2536" s="46">
        <v>10.7</v>
      </c>
      <c r="M2536" s="46">
        <v>0.3</v>
      </c>
      <c r="N2536" s="46">
        <v>13.7</v>
      </c>
      <c r="O2536" s="46">
        <v>0.9</v>
      </c>
      <c r="P2536" s="47">
        <v>2.4</v>
      </c>
    </row>
    <row r="2537" spans="1:25" ht="21.6" x14ac:dyDescent="0.2">
      <c r="B2537" s="76"/>
      <c r="C2537" s="39" t="s">
        <v>43</v>
      </c>
      <c r="D2537" s="45">
        <v>327</v>
      </c>
      <c r="E2537" s="46">
        <v>5.2</v>
      </c>
      <c r="F2537" s="46">
        <v>2.1</v>
      </c>
      <c r="G2537" s="46">
        <v>20.5</v>
      </c>
      <c r="H2537" s="46">
        <v>43.4</v>
      </c>
      <c r="I2537" s="46">
        <v>20.5</v>
      </c>
      <c r="J2537" s="46">
        <v>0</v>
      </c>
      <c r="K2537" s="46">
        <v>1.5</v>
      </c>
      <c r="L2537" s="46">
        <v>0.9</v>
      </c>
      <c r="M2537" s="46">
        <v>0.3</v>
      </c>
      <c r="N2537" s="46">
        <v>1.5</v>
      </c>
      <c r="O2537" s="46">
        <v>0.9</v>
      </c>
      <c r="P2537" s="47">
        <v>3.1</v>
      </c>
    </row>
    <row r="2538" spans="1:25" ht="21.6" x14ac:dyDescent="0.2">
      <c r="B2538" s="76"/>
      <c r="C2538" s="39" t="s">
        <v>44</v>
      </c>
      <c r="D2538" s="45">
        <v>181</v>
      </c>
      <c r="E2538" s="46">
        <v>10.5</v>
      </c>
      <c r="F2538" s="46">
        <v>4.4000000000000004</v>
      </c>
      <c r="G2538" s="46">
        <v>53.6</v>
      </c>
      <c r="H2538" s="46">
        <v>23.2</v>
      </c>
      <c r="I2538" s="46">
        <v>1.1000000000000001</v>
      </c>
      <c r="J2538" s="46">
        <v>1.7</v>
      </c>
      <c r="K2538" s="46">
        <v>0</v>
      </c>
      <c r="L2538" s="46">
        <v>0</v>
      </c>
      <c r="M2538" s="46">
        <v>0.6</v>
      </c>
      <c r="N2538" s="46">
        <v>2.8</v>
      </c>
      <c r="O2538" s="46">
        <v>1.1000000000000001</v>
      </c>
      <c r="P2538" s="47">
        <v>1.1000000000000001</v>
      </c>
    </row>
    <row r="2539" spans="1:25" ht="21.6" x14ac:dyDescent="0.2">
      <c r="B2539" s="76"/>
      <c r="C2539" s="39" t="s">
        <v>45</v>
      </c>
      <c r="D2539" s="45">
        <v>565</v>
      </c>
      <c r="E2539" s="46">
        <v>5.3</v>
      </c>
      <c r="F2539" s="46">
        <v>17.5</v>
      </c>
      <c r="G2539" s="46">
        <v>29.4</v>
      </c>
      <c r="H2539" s="46">
        <v>6.5</v>
      </c>
      <c r="I2539" s="46">
        <v>29.7</v>
      </c>
      <c r="J2539" s="46">
        <v>2.7</v>
      </c>
      <c r="K2539" s="46">
        <v>0.4</v>
      </c>
      <c r="L2539" s="46">
        <v>0.5</v>
      </c>
      <c r="M2539" s="46">
        <v>0</v>
      </c>
      <c r="N2539" s="46">
        <v>2.7</v>
      </c>
      <c r="O2539" s="46">
        <v>2.5</v>
      </c>
      <c r="P2539" s="47">
        <v>2.8</v>
      </c>
    </row>
    <row r="2540" spans="1:25" ht="21.6" x14ac:dyDescent="0.2">
      <c r="B2540" s="76"/>
      <c r="C2540" s="39" t="s">
        <v>46</v>
      </c>
      <c r="D2540" s="45">
        <v>473</v>
      </c>
      <c r="E2540" s="46">
        <v>0.6</v>
      </c>
      <c r="F2540" s="46">
        <v>9.3000000000000007</v>
      </c>
      <c r="G2540" s="46">
        <v>31.3</v>
      </c>
      <c r="H2540" s="46">
        <v>16.7</v>
      </c>
      <c r="I2540" s="46">
        <v>19.5</v>
      </c>
      <c r="J2540" s="46">
        <v>1.9</v>
      </c>
      <c r="K2540" s="46">
        <v>7.2</v>
      </c>
      <c r="L2540" s="46">
        <v>2.7</v>
      </c>
      <c r="M2540" s="46">
        <v>1.7</v>
      </c>
      <c r="N2540" s="46">
        <v>5.5</v>
      </c>
      <c r="O2540" s="46">
        <v>1.3</v>
      </c>
      <c r="P2540" s="47">
        <v>2.2999999999999998</v>
      </c>
    </row>
    <row r="2541" spans="1:25" ht="21.6" x14ac:dyDescent="0.2">
      <c r="B2541" s="76"/>
      <c r="C2541" s="39" t="s">
        <v>47</v>
      </c>
      <c r="D2541" s="45">
        <v>441</v>
      </c>
      <c r="E2541" s="46">
        <v>2.5</v>
      </c>
      <c r="F2541" s="46">
        <v>19.7</v>
      </c>
      <c r="G2541" s="46">
        <v>29</v>
      </c>
      <c r="H2541" s="46">
        <v>15.2</v>
      </c>
      <c r="I2541" s="46">
        <v>12.5</v>
      </c>
      <c r="J2541" s="46">
        <v>0.9</v>
      </c>
      <c r="K2541" s="46">
        <v>8.6</v>
      </c>
      <c r="L2541" s="46">
        <v>2</v>
      </c>
      <c r="M2541" s="46">
        <v>1.8</v>
      </c>
      <c r="N2541" s="46">
        <v>5</v>
      </c>
      <c r="O2541" s="46">
        <v>1.4</v>
      </c>
      <c r="P2541" s="47">
        <v>1.4</v>
      </c>
    </row>
    <row r="2542" spans="1:25" ht="21.6" x14ac:dyDescent="0.2">
      <c r="B2542" s="76"/>
      <c r="C2542" s="39" t="s">
        <v>48</v>
      </c>
      <c r="D2542" s="45">
        <v>305</v>
      </c>
      <c r="E2542" s="46">
        <v>9.8000000000000007</v>
      </c>
      <c r="F2542" s="46">
        <v>23.3</v>
      </c>
      <c r="G2542" s="46">
        <v>21.6</v>
      </c>
      <c r="H2542" s="46">
        <v>17</v>
      </c>
      <c r="I2542" s="46">
        <v>8.9</v>
      </c>
      <c r="J2542" s="46">
        <v>1</v>
      </c>
      <c r="K2542" s="46">
        <v>7.2</v>
      </c>
      <c r="L2542" s="46">
        <v>3.6</v>
      </c>
      <c r="M2542" s="46">
        <v>1.6</v>
      </c>
      <c r="N2542" s="46">
        <v>2.6</v>
      </c>
      <c r="O2542" s="46">
        <v>2</v>
      </c>
      <c r="P2542" s="47">
        <v>1.3</v>
      </c>
    </row>
    <row r="2543" spans="1:25" ht="21.6" x14ac:dyDescent="0.2">
      <c r="B2543" s="76"/>
      <c r="C2543" s="39" t="s">
        <v>49</v>
      </c>
      <c r="D2543" s="45">
        <v>223</v>
      </c>
      <c r="E2543" s="46">
        <v>19.3</v>
      </c>
      <c r="F2543" s="46">
        <v>15.2</v>
      </c>
      <c r="G2543" s="46">
        <v>27.8</v>
      </c>
      <c r="H2543" s="46">
        <v>16.600000000000001</v>
      </c>
      <c r="I2543" s="46">
        <v>4</v>
      </c>
      <c r="J2543" s="46">
        <v>0.4</v>
      </c>
      <c r="K2543" s="46">
        <v>4.9000000000000004</v>
      </c>
      <c r="L2543" s="46">
        <v>4</v>
      </c>
      <c r="M2543" s="46">
        <v>1.8</v>
      </c>
      <c r="N2543" s="46">
        <v>1.3</v>
      </c>
      <c r="O2543" s="46">
        <v>2.7</v>
      </c>
      <c r="P2543" s="47">
        <v>1.8</v>
      </c>
    </row>
    <row r="2544" spans="1:25" ht="21.6" x14ac:dyDescent="0.2">
      <c r="B2544" s="76"/>
      <c r="C2544" s="39" t="s">
        <v>50</v>
      </c>
      <c r="D2544" s="45">
        <v>123</v>
      </c>
      <c r="E2544" s="46">
        <v>23.6</v>
      </c>
      <c r="F2544" s="46">
        <v>22.8</v>
      </c>
      <c r="G2544" s="46">
        <v>31.7</v>
      </c>
      <c r="H2544" s="46">
        <v>13</v>
      </c>
      <c r="I2544" s="46">
        <v>4.0999999999999996</v>
      </c>
      <c r="J2544" s="46">
        <v>0</v>
      </c>
      <c r="K2544" s="46">
        <v>1.6</v>
      </c>
      <c r="L2544" s="46">
        <v>0.8</v>
      </c>
      <c r="M2544" s="46">
        <v>0.8</v>
      </c>
      <c r="N2544" s="46">
        <v>0</v>
      </c>
      <c r="O2544" s="46">
        <v>0.8</v>
      </c>
      <c r="P2544" s="47">
        <v>0.8</v>
      </c>
    </row>
    <row r="2545" spans="1:25" ht="21.6" x14ac:dyDescent="0.2">
      <c r="B2545" s="76"/>
      <c r="C2545" s="39" t="s">
        <v>51</v>
      </c>
      <c r="D2545" s="45">
        <v>124</v>
      </c>
      <c r="E2545" s="46">
        <v>29.8</v>
      </c>
      <c r="F2545" s="46">
        <v>16.100000000000001</v>
      </c>
      <c r="G2545" s="46">
        <v>29.8</v>
      </c>
      <c r="H2545" s="46">
        <v>13.7</v>
      </c>
      <c r="I2545" s="46">
        <v>6.5</v>
      </c>
      <c r="J2545" s="46">
        <v>0</v>
      </c>
      <c r="K2545" s="46">
        <v>1.6</v>
      </c>
      <c r="L2545" s="46">
        <v>0.8</v>
      </c>
      <c r="M2545" s="46">
        <v>0</v>
      </c>
      <c r="N2545" s="46">
        <v>0</v>
      </c>
      <c r="O2545" s="46">
        <v>0.8</v>
      </c>
      <c r="P2545" s="47">
        <v>0.8</v>
      </c>
    </row>
    <row r="2546" spans="1:25" ht="21.6" x14ac:dyDescent="0.2">
      <c r="B2546" s="76"/>
      <c r="C2546" s="39" t="s">
        <v>52</v>
      </c>
      <c r="D2546" s="45">
        <v>312</v>
      </c>
      <c r="E2546" s="46">
        <v>4.8</v>
      </c>
      <c r="F2546" s="46">
        <v>16</v>
      </c>
      <c r="G2546" s="46">
        <v>34.299999999999997</v>
      </c>
      <c r="H2546" s="46">
        <v>13.1</v>
      </c>
      <c r="I2546" s="46">
        <v>14.1</v>
      </c>
      <c r="J2546" s="46">
        <v>0.3</v>
      </c>
      <c r="K2546" s="46">
        <v>6.1</v>
      </c>
      <c r="L2546" s="46">
        <v>1</v>
      </c>
      <c r="M2546" s="46">
        <v>3.2</v>
      </c>
      <c r="N2546" s="46">
        <v>2.2000000000000002</v>
      </c>
      <c r="O2546" s="46">
        <v>1.9</v>
      </c>
      <c r="P2546" s="47">
        <v>2.9</v>
      </c>
    </row>
    <row r="2547" spans="1:25" x14ac:dyDescent="0.2">
      <c r="B2547" s="76"/>
      <c r="C2547" s="39" t="s">
        <v>53</v>
      </c>
      <c r="D2547" s="45">
        <v>269</v>
      </c>
      <c r="E2547" s="46">
        <v>7.4</v>
      </c>
      <c r="F2547" s="46">
        <v>11.9</v>
      </c>
      <c r="G2547" s="46">
        <v>30.1</v>
      </c>
      <c r="H2547" s="46">
        <v>12.6</v>
      </c>
      <c r="I2547" s="46">
        <v>15.2</v>
      </c>
      <c r="J2547" s="46">
        <v>0.7</v>
      </c>
      <c r="K2547" s="46">
        <v>10.4</v>
      </c>
      <c r="L2547" s="46">
        <v>2.2000000000000002</v>
      </c>
      <c r="M2547" s="46">
        <v>3</v>
      </c>
      <c r="N2547" s="46">
        <v>4.8</v>
      </c>
      <c r="O2547" s="46">
        <v>0</v>
      </c>
      <c r="P2547" s="47">
        <v>1.5</v>
      </c>
    </row>
    <row r="2548" spans="1:25" ht="21.6" x14ac:dyDescent="0.2">
      <c r="B2548" s="76"/>
      <c r="C2548" s="39" t="s">
        <v>54</v>
      </c>
      <c r="D2548" s="45">
        <v>511</v>
      </c>
      <c r="E2548" s="46">
        <v>10.6</v>
      </c>
      <c r="F2548" s="46">
        <v>20.399999999999999</v>
      </c>
      <c r="G2548" s="46">
        <v>26</v>
      </c>
      <c r="H2548" s="46">
        <v>15.5</v>
      </c>
      <c r="I2548" s="46">
        <v>8.6</v>
      </c>
      <c r="J2548" s="46">
        <v>1.6</v>
      </c>
      <c r="K2548" s="46">
        <v>8.6</v>
      </c>
      <c r="L2548" s="46">
        <v>2.5</v>
      </c>
      <c r="M2548" s="46">
        <v>1</v>
      </c>
      <c r="N2548" s="46">
        <v>2.9</v>
      </c>
      <c r="O2548" s="46">
        <v>1.6</v>
      </c>
      <c r="P2548" s="47">
        <v>0.8</v>
      </c>
    </row>
    <row r="2549" spans="1:25" ht="21.6" x14ac:dyDescent="0.2">
      <c r="B2549" s="76"/>
      <c r="C2549" s="39" t="s">
        <v>55</v>
      </c>
      <c r="D2549" s="45">
        <v>615</v>
      </c>
      <c r="E2549" s="46">
        <v>12</v>
      </c>
      <c r="F2549" s="46">
        <v>19.7</v>
      </c>
      <c r="G2549" s="46">
        <v>30.4</v>
      </c>
      <c r="H2549" s="46">
        <v>16.100000000000001</v>
      </c>
      <c r="I2549" s="46">
        <v>8.1</v>
      </c>
      <c r="J2549" s="46">
        <v>1</v>
      </c>
      <c r="K2549" s="46">
        <v>3.6</v>
      </c>
      <c r="L2549" s="46">
        <v>3.6</v>
      </c>
      <c r="M2549" s="46">
        <v>0.5</v>
      </c>
      <c r="N2549" s="46">
        <v>2.4</v>
      </c>
      <c r="O2549" s="46">
        <v>1.5</v>
      </c>
      <c r="P2549" s="47">
        <v>1.1000000000000001</v>
      </c>
    </row>
    <row r="2550" spans="1:25" ht="21.6" x14ac:dyDescent="0.2">
      <c r="B2550" s="76"/>
      <c r="C2550" s="39" t="s">
        <v>56</v>
      </c>
      <c r="D2550" s="45">
        <v>800</v>
      </c>
      <c r="E2550" s="46">
        <v>10.1</v>
      </c>
      <c r="F2550" s="46">
        <v>18.600000000000001</v>
      </c>
      <c r="G2550" s="46">
        <v>26.8</v>
      </c>
      <c r="H2550" s="46">
        <v>17.8</v>
      </c>
      <c r="I2550" s="46">
        <v>9.4</v>
      </c>
      <c r="J2550" s="46">
        <v>0.5</v>
      </c>
      <c r="K2550" s="46">
        <v>6.3</v>
      </c>
      <c r="L2550" s="46">
        <v>3.6</v>
      </c>
      <c r="M2550" s="46">
        <v>1.1000000000000001</v>
      </c>
      <c r="N2550" s="46">
        <v>2.5</v>
      </c>
      <c r="O2550" s="46">
        <v>1</v>
      </c>
      <c r="P2550" s="47">
        <v>2.4</v>
      </c>
    </row>
    <row r="2551" spans="1:25" x14ac:dyDescent="0.2">
      <c r="B2551" s="76"/>
      <c r="C2551" s="40" t="s">
        <v>57</v>
      </c>
      <c r="D2551" s="48">
        <v>798</v>
      </c>
      <c r="E2551" s="49">
        <v>9.5</v>
      </c>
      <c r="F2551" s="49">
        <v>17.8</v>
      </c>
      <c r="G2551" s="49">
        <v>31.5</v>
      </c>
      <c r="H2551" s="49">
        <v>12.5</v>
      </c>
      <c r="I2551" s="49">
        <v>10.9</v>
      </c>
      <c r="J2551" s="49">
        <v>1.4</v>
      </c>
      <c r="K2551" s="49">
        <v>6.4</v>
      </c>
      <c r="L2551" s="49">
        <v>1.6</v>
      </c>
      <c r="M2551" s="49">
        <v>2.1</v>
      </c>
      <c r="N2551" s="49">
        <v>3.3</v>
      </c>
      <c r="O2551" s="49">
        <v>1.8</v>
      </c>
      <c r="P2551" s="50">
        <v>1.3</v>
      </c>
    </row>
    <row r="2552" spans="1:25" x14ac:dyDescent="0.2">
      <c r="B2552" s="7" t="s">
        <v>71</v>
      </c>
      <c r="C2552" s="4" t="s">
        <v>155</v>
      </c>
    </row>
    <row r="2553" spans="1:25" x14ac:dyDescent="0.2">
      <c r="B2553" s="4"/>
      <c r="C2553" s="4" t="s">
        <v>73</v>
      </c>
    </row>
    <row r="2555" spans="1:25" x14ac:dyDescent="0.2">
      <c r="C2555" t="s">
        <v>35</v>
      </c>
    </row>
    <row r="2556" spans="1:25" x14ac:dyDescent="0.2">
      <c r="B2556" s="74" t="s">
        <v>227</v>
      </c>
      <c r="C2556" s="75"/>
      <c r="D2556" s="75"/>
      <c r="E2556" s="75"/>
      <c r="F2556" s="75"/>
      <c r="G2556" s="75"/>
      <c r="H2556" s="75"/>
      <c r="I2556" s="75"/>
      <c r="J2556" s="75"/>
      <c r="K2556" s="75"/>
      <c r="L2556" s="75"/>
      <c r="M2556" s="75"/>
      <c r="N2556" s="75"/>
      <c r="O2556" s="75"/>
      <c r="P2556" s="75"/>
      <c r="Q2556" s="75"/>
      <c r="R2556" s="75"/>
      <c r="S2556" s="75"/>
      <c r="T2556" s="75"/>
      <c r="U2556" s="75"/>
      <c r="V2556" s="75"/>
      <c r="W2556" s="75"/>
      <c r="X2556" s="75"/>
      <c r="Y2556" s="75"/>
    </row>
    <row r="2557" spans="1:25" s="32" customFormat="1" ht="58.05" customHeight="1" x14ac:dyDescent="0.15">
      <c r="A2557" s="31"/>
      <c r="D2557" s="33" t="s">
        <v>242</v>
      </c>
      <c r="E2557" s="35" t="s">
        <v>399</v>
      </c>
      <c r="F2557" s="36" t="s">
        <v>400</v>
      </c>
      <c r="G2557" s="36" t="s">
        <v>401</v>
      </c>
      <c r="H2557" s="36" t="s">
        <v>402</v>
      </c>
      <c r="I2557" s="36" t="s">
        <v>403</v>
      </c>
      <c r="J2557" s="36" t="s">
        <v>404</v>
      </c>
      <c r="K2557" s="36" t="s">
        <v>405</v>
      </c>
      <c r="L2557" s="36" t="s">
        <v>406</v>
      </c>
      <c r="M2557" s="36" t="s">
        <v>407</v>
      </c>
      <c r="N2557" s="36" t="s">
        <v>408</v>
      </c>
      <c r="O2557" s="36" t="s">
        <v>264</v>
      </c>
      <c r="P2557" s="37" t="s">
        <v>276</v>
      </c>
      <c r="Q2557" s="34" t="s">
        <v>251</v>
      </c>
    </row>
    <row r="2558" spans="1:25" ht="21.6" x14ac:dyDescent="0.2">
      <c r="B2558" s="76" t="s">
        <v>37</v>
      </c>
      <c r="C2558" s="38" t="s">
        <v>58</v>
      </c>
      <c r="D2558" s="51">
        <v>609</v>
      </c>
      <c r="E2558" s="52">
        <v>3.1</v>
      </c>
      <c r="F2558" s="52">
        <v>19.7</v>
      </c>
      <c r="G2558" s="52">
        <v>27.9</v>
      </c>
      <c r="H2558" s="52">
        <v>19.2</v>
      </c>
      <c r="I2558" s="52">
        <v>10.199999999999999</v>
      </c>
      <c r="J2558" s="52">
        <v>0.7</v>
      </c>
      <c r="K2558" s="52">
        <v>7.1</v>
      </c>
      <c r="L2558" s="52">
        <v>4.5999999999999996</v>
      </c>
      <c r="M2558" s="52">
        <v>1.8</v>
      </c>
      <c r="N2558" s="52">
        <v>2.2999999999999998</v>
      </c>
      <c r="O2558" s="52">
        <v>0.8</v>
      </c>
      <c r="P2558" s="53">
        <v>2.6</v>
      </c>
    </row>
    <row r="2559" spans="1:25" ht="21.6" x14ac:dyDescent="0.2">
      <c r="B2559" s="76"/>
      <c r="C2559" s="39" t="s">
        <v>59</v>
      </c>
      <c r="D2559" s="45">
        <v>1391</v>
      </c>
      <c r="E2559" s="46">
        <v>10.4</v>
      </c>
      <c r="F2559" s="46">
        <v>15.2</v>
      </c>
      <c r="G2559" s="46">
        <v>28.4</v>
      </c>
      <c r="H2559" s="46">
        <v>13.4</v>
      </c>
      <c r="I2559" s="46">
        <v>14</v>
      </c>
      <c r="J2559" s="46">
        <v>1.2</v>
      </c>
      <c r="K2559" s="46">
        <v>6.2</v>
      </c>
      <c r="L2559" s="46">
        <v>1.3</v>
      </c>
      <c r="M2559" s="46">
        <v>1.2</v>
      </c>
      <c r="N2559" s="46">
        <v>4.5</v>
      </c>
      <c r="O2559" s="46">
        <v>1.9</v>
      </c>
      <c r="P2559" s="47">
        <v>2.2000000000000002</v>
      </c>
    </row>
    <row r="2560" spans="1:25" x14ac:dyDescent="0.2">
      <c r="B2560" s="76"/>
      <c r="C2560" s="39" t="s">
        <v>60</v>
      </c>
      <c r="D2560" s="45">
        <v>1325</v>
      </c>
      <c r="E2560" s="46">
        <v>8.5</v>
      </c>
      <c r="F2560" s="46">
        <v>17.100000000000001</v>
      </c>
      <c r="G2560" s="46">
        <v>29.6</v>
      </c>
      <c r="H2560" s="46">
        <v>15.1</v>
      </c>
      <c r="I2560" s="46">
        <v>12.3</v>
      </c>
      <c r="J2560" s="46">
        <v>1.1000000000000001</v>
      </c>
      <c r="K2560" s="46">
        <v>5.0999999999999996</v>
      </c>
      <c r="L2560" s="46">
        <v>2.4</v>
      </c>
      <c r="M2560" s="46">
        <v>1.5</v>
      </c>
      <c r="N2560" s="46">
        <v>3.8</v>
      </c>
      <c r="O2560" s="46">
        <v>1.3</v>
      </c>
      <c r="P2560" s="47">
        <v>2.2000000000000002</v>
      </c>
    </row>
    <row r="2561" spans="2:16" x14ac:dyDescent="0.2">
      <c r="B2561" s="76"/>
      <c r="C2561" s="39" t="s">
        <v>61</v>
      </c>
      <c r="D2561" s="45">
        <v>675</v>
      </c>
      <c r="E2561" s="46">
        <v>7.6</v>
      </c>
      <c r="F2561" s="46">
        <v>15.4</v>
      </c>
      <c r="G2561" s="46">
        <v>25.6</v>
      </c>
      <c r="H2561" s="46">
        <v>15.4</v>
      </c>
      <c r="I2561" s="46">
        <v>13.9</v>
      </c>
      <c r="J2561" s="46">
        <v>0.7</v>
      </c>
      <c r="K2561" s="46">
        <v>9.1999999999999993</v>
      </c>
      <c r="L2561" s="46">
        <v>2.1</v>
      </c>
      <c r="M2561" s="46">
        <v>1.2</v>
      </c>
      <c r="N2561" s="46">
        <v>4</v>
      </c>
      <c r="O2561" s="46">
        <v>2.2000000000000002</v>
      </c>
      <c r="P2561" s="47">
        <v>2.7</v>
      </c>
    </row>
    <row r="2562" spans="2:16" x14ac:dyDescent="0.2">
      <c r="B2562" s="76"/>
      <c r="C2562" s="39" t="s">
        <v>62</v>
      </c>
      <c r="D2562" s="45">
        <v>1086</v>
      </c>
      <c r="E2562" s="46">
        <v>14.2</v>
      </c>
      <c r="F2562" s="46">
        <v>21.5</v>
      </c>
      <c r="G2562" s="46">
        <v>14.6</v>
      </c>
      <c r="H2562" s="46">
        <v>15.6</v>
      </c>
      <c r="I2562" s="46">
        <v>10</v>
      </c>
      <c r="J2562" s="46">
        <v>1.7</v>
      </c>
      <c r="K2562" s="46">
        <v>8.4</v>
      </c>
      <c r="L2562" s="46">
        <v>4.0999999999999996</v>
      </c>
      <c r="M2562" s="46">
        <v>2.2000000000000002</v>
      </c>
      <c r="N2562" s="46">
        <v>3.7</v>
      </c>
      <c r="O2562" s="46">
        <v>1.7</v>
      </c>
      <c r="P2562" s="47">
        <v>2.2999999999999998</v>
      </c>
    </row>
    <row r="2563" spans="2:16" ht="21.6" x14ac:dyDescent="0.2">
      <c r="B2563" s="76"/>
      <c r="C2563" s="39" t="s">
        <v>63</v>
      </c>
      <c r="D2563" s="45">
        <v>203</v>
      </c>
      <c r="E2563" s="46">
        <v>1.5</v>
      </c>
      <c r="F2563" s="46">
        <v>21.2</v>
      </c>
      <c r="G2563" s="46">
        <v>15.3</v>
      </c>
      <c r="H2563" s="46">
        <v>20.2</v>
      </c>
      <c r="I2563" s="46">
        <v>13.3</v>
      </c>
      <c r="J2563" s="46">
        <v>1</v>
      </c>
      <c r="K2563" s="46">
        <v>8.4</v>
      </c>
      <c r="L2563" s="46">
        <v>3.9</v>
      </c>
      <c r="M2563" s="46">
        <v>3.4</v>
      </c>
      <c r="N2563" s="46">
        <v>5.9</v>
      </c>
      <c r="O2563" s="46">
        <v>1.5</v>
      </c>
      <c r="P2563" s="47">
        <v>4.4000000000000004</v>
      </c>
    </row>
    <row r="2564" spans="2:16" x14ac:dyDescent="0.2">
      <c r="B2564" s="76"/>
      <c r="C2564" s="39" t="s">
        <v>64</v>
      </c>
      <c r="D2564" s="45">
        <v>263</v>
      </c>
      <c r="E2564" s="46">
        <v>8</v>
      </c>
      <c r="F2564" s="46">
        <v>28.1</v>
      </c>
      <c r="G2564" s="46">
        <v>17.100000000000001</v>
      </c>
      <c r="H2564" s="46">
        <v>17.100000000000001</v>
      </c>
      <c r="I2564" s="46">
        <v>10.6</v>
      </c>
      <c r="J2564" s="46">
        <v>0.4</v>
      </c>
      <c r="K2564" s="46">
        <v>8.4</v>
      </c>
      <c r="L2564" s="46">
        <v>2.2999999999999998</v>
      </c>
      <c r="M2564" s="46">
        <v>2.7</v>
      </c>
      <c r="N2564" s="46">
        <v>3.4</v>
      </c>
      <c r="O2564" s="46">
        <v>0.8</v>
      </c>
      <c r="P2564" s="47">
        <v>1.1000000000000001</v>
      </c>
    </row>
    <row r="2565" spans="2:16" x14ac:dyDescent="0.2">
      <c r="B2565" s="76"/>
      <c r="C2565" s="39" t="s">
        <v>65</v>
      </c>
      <c r="D2565" s="45">
        <v>312</v>
      </c>
      <c r="E2565" s="46">
        <v>15.1</v>
      </c>
      <c r="F2565" s="46">
        <v>19.600000000000001</v>
      </c>
      <c r="G2565" s="46">
        <v>12.8</v>
      </c>
      <c r="H2565" s="46">
        <v>16.3</v>
      </c>
      <c r="I2565" s="46">
        <v>10.6</v>
      </c>
      <c r="J2565" s="46">
        <v>2.6</v>
      </c>
      <c r="K2565" s="46">
        <v>9.6</v>
      </c>
      <c r="L2565" s="46">
        <v>4.5</v>
      </c>
      <c r="M2565" s="46">
        <v>2.2000000000000002</v>
      </c>
      <c r="N2565" s="46">
        <v>2.9</v>
      </c>
      <c r="O2565" s="46">
        <v>1.3</v>
      </c>
      <c r="P2565" s="47">
        <v>2.6</v>
      </c>
    </row>
    <row r="2566" spans="2:16" x14ac:dyDescent="0.2">
      <c r="B2566" s="76"/>
      <c r="C2566" s="39" t="s">
        <v>66</v>
      </c>
      <c r="D2566" s="45">
        <v>230</v>
      </c>
      <c r="E2566" s="46">
        <v>30.4</v>
      </c>
      <c r="F2566" s="46">
        <v>18.7</v>
      </c>
      <c r="G2566" s="46">
        <v>11.3</v>
      </c>
      <c r="H2566" s="46">
        <v>10</v>
      </c>
      <c r="I2566" s="46">
        <v>7</v>
      </c>
      <c r="J2566" s="46">
        <v>1.7</v>
      </c>
      <c r="K2566" s="46">
        <v>7</v>
      </c>
      <c r="L2566" s="46">
        <v>5.2</v>
      </c>
      <c r="M2566" s="46">
        <v>1.3</v>
      </c>
      <c r="N2566" s="46">
        <v>3.9</v>
      </c>
      <c r="O2566" s="46">
        <v>2.6</v>
      </c>
      <c r="P2566" s="47">
        <v>0.9</v>
      </c>
    </row>
    <row r="2567" spans="2:16" x14ac:dyDescent="0.2">
      <c r="B2567" s="76"/>
      <c r="C2567" s="39" t="s">
        <v>67</v>
      </c>
      <c r="D2567" s="45">
        <v>78</v>
      </c>
      <c r="E2567" s="46">
        <v>16.7</v>
      </c>
      <c r="F2567" s="46">
        <v>16.7</v>
      </c>
      <c r="G2567" s="46">
        <v>21.8</v>
      </c>
      <c r="H2567" s="46">
        <v>11.5</v>
      </c>
      <c r="I2567" s="46">
        <v>6.4</v>
      </c>
      <c r="J2567" s="46">
        <v>3.8</v>
      </c>
      <c r="K2567" s="46">
        <v>7.7</v>
      </c>
      <c r="L2567" s="46">
        <v>5.0999999999999996</v>
      </c>
      <c r="M2567" s="46">
        <v>0</v>
      </c>
      <c r="N2567" s="46">
        <v>1.3</v>
      </c>
      <c r="O2567" s="46">
        <v>5.0999999999999996</v>
      </c>
      <c r="P2567" s="47">
        <v>3.8</v>
      </c>
    </row>
    <row r="2568" spans="2:16" x14ac:dyDescent="0.2">
      <c r="B2568" s="76"/>
      <c r="C2568" s="39" t="s">
        <v>68</v>
      </c>
      <c r="D2568" s="45">
        <v>897</v>
      </c>
      <c r="E2568" s="46">
        <v>17.100000000000001</v>
      </c>
      <c r="F2568" s="46">
        <v>23.7</v>
      </c>
      <c r="G2568" s="46">
        <v>14.5</v>
      </c>
      <c r="H2568" s="46">
        <v>16.7</v>
      </c>
      <c r="I2568" s="46">
        <v>7.8</v>
      </c>
      <c r="J2568" s="46">
        <v>1.1000000000000001</v>
      </c>
      <c r="K2568" s="46">
        <v>7.5</v>
      </c>
      <c r="L2568" s="46">
        <v>4.5</v>
      </c>
      <c r="M2568" s="46">
        <v>2.2999999999999998</v>
      </c>
      <c r="N2568" s="46">
        <v>2.2999999999999998</v>
      </c>
      <c r="O2568" s="46">
        <v>1.4</v>
      </c>
      <c r="P2568" s="47">
        <v>1</v>
      </c>
    </row>
    <row r="2569" spans="2:16" x14ac:dyDescent="0.2">
      <c r="B2569" s="76"/>
      <c r="C2569" s="39" t="s">
        <v>69</v>
      </c>
      <c r="D2569" s="45">
        <v>189</v>
      </c>
      <c r="E2569" s="46">
        <v>0.5</v>
      </c>
      <c r="F2569" s="46">
        <v>11.1</v>
      </c>
      <c r="G2569" s="46">
        <v>15.3</v>
      </c>
      <c r="H2569" s="46">
        <v>10.1</v>
      </c>
      <c r="I2569" s="46">
        <v>20.6</v>
      </c>
      <c r="J2569" s="46">
        <v>4.2</v>
      </c>
      <c r="K2569" s="46">
        <v>12.7</v>
      </c>
      <c r="L2569" s="46">
        <v>2.1</v>
      </c>
      <c r="M2569" s="46">
        <v>1.6</v>
      </c>
      <c r="N2569" s="46">
        <v>10.1</v>
      </c>
      <c r="O2569" s="46">
        <v>3.2</v>
      </c>
      <c r="P2569" s="47">
        <v>8.5</v>
      </c>
    </row>
    <row r="2570" spans="2:16" x14ac:dyDescent="0.2">
      <c r="B2570" s="76"/>
      <c r="C2570" s="39" t="s">
        <v>70</v>
      </c>
      <c r="D2570" s="45">
        <v>914</v>
      </c>
      <c r="E2570" s="46">
        <v>1.1000000000000001</v>
      </c>
      <c r="F2570" s="46">
        <v>10.6</v>
      </c>
      <c r="G2570" s="46">
        <v>44.4</v>
      </c>
      <c r="H2570" s="46">
        <v>14.8</v>
      </c>
      <c r="I2570" s="46">
        <v>16.2</v>
      </c>
      <c r="J2570" s="46">
        <v>0.2</v>
      </c>
      <c r="K2570" s="46">
        <v>4.2</v>
      </c>
      <c r="L2570" s="46">
        <v>0.2</v>
      </c>
      <c r="M2570" s="46">
        <v>0.4</v>
      </c>
      <c r="N2570" s="46">
        <v>4</v>
      </c>
      <c r="O2570" s="46">
        <v>1.4</v>
      </c>
      <c r="P2570" s="47">
        <v>2.4</v>
      </c>
    </row>
    <row r="2571" spans="2:16" ht="21.6" x14ac:dyDescent="0.2">
      <c r="B2571" s="76"/>
      <c r="C2571" s="39" t="s">
        <v>63</v>
      </c>
      <c r="D2571" s="45">
        <v>193</v>
      </c>
      <c r="E2571" s="46">
        <v>0</v>
      </c>
      <c r="F2571" s="46">
        <v>12.4</v>
      </c>
      <c r="G2571" s="46">
        <v>36.299999999999997</v>
      </c>
      <c r="H2571" s="46">
        <v>24.9</v>
      </c>
      <c r="I2571" s="46">
        <v>17.600000000000001</v>
      </c>
      <c r="J2571" s="46">
        <v>0</v>
      </c>
      <c r="K2571" s="46">
        <v>2.6</v>
      </c>
      <c r="L2571" s="46">
        <v>0.5</v>
      </c>
      <c r="M2571" s="46">
        <v>0</v>
      </c>
      <c r="N2571" s="46">
        <v>1.6</v>
      </c>
      <c r="O2571" s="46">
        <v>1</v>
      </c>
      <c r="P2571" s="47">
        <v>3.1</v>
      </c>
    </row>
    <row r="2572" spans="2:16" x14ac:dyDescent="0.2">
      <c r="B2572" s="76"/>
      <c r="C2572" s="39" t="s">
        <v>64</v>
      </c>
      <c r="D2572" s="45">
        <v>203</v>
      </c>
      <c r="E2572" s="46">
        <v>0.5</v>
      </c>
      <c r="F2572" s="46">
        <v>14.8</v>
      </c>
      <c r="G2572" s="46">
        <v>44.3</v>
      </c>
      <c r="H2572" s="46">
        <v>14.3</v>
      </c>
      <c r="I2572" s="46">
        <v>15.3</v>
      </c>
      <c r="J2572" s="46">
        <v>0.5</v>
      </c>
      <c r="K2572" s="46">
        <v>2.5</v>
      </c>
      <c r="L2572" s="46">
        <v>0.5</v>
      </c>
      <c r="M2572" s="46">
        <v>1</v>
      </c>
      <c r="N2572" s="46">
        <v>3.9</v>
      </c>
      <c r="O2572" s="46">
        <v>0</v>
      </c>
      <c r="P2572" s="47">
        <v>2.5</v>
      </c>
    </row>
    <row r="2573" spans="2:16" x14ac:dyDescent="0.2">
      <c r="B2573" s="76"/>
      <c r="C2573" s="39" t="s">
        <v>65</v>
      </c>
      <c r="D2573" s="45">
        <v>263</v>
      </c>
      <c r="E2573" s="46">
        <v>1.1000000000000001</v>
      </c>
      <c r="F2573" s="46">
        <v>9.5</v>
      </c>
      <c r="G2573" s="46">
        <v>46.8</v>
      </c>
      <c r="H2573" s="46">
        <v>9.9</v>
      </c>
      <c r="I2573" s="46">
        <v>16.7</v>
      </c>
      <c r="J2573" s="46">
        <v>0.4</v>
      </c>
      <c r="K2573" s="46">
        <v>5.3</v>
      </c>
      <c r="L2573" s="46">
        <v>0</v>
      </c>
      <c r="M2573" s="46">
        <v>0.8</v>
      </c>
      <c r="N2573" s="46">
        <v>5.7</v>
      </c>
      <c r="O2573" s="46">
        <v>1.1000000000000001</v>
      </c>
      <c r="P2573" s="47">
        <v>2.7</v>
      </c>
    </row>
    <row r="2574" spans="2:16" x14ac:dyDescent="0.2">
      <c r="B2574" s="76"/>
      <c r="C2574" s="39" t="s">
        <v>66</v>
      </c>
      <c r="D2574" s="45">
        <v>194</v>
      </c>
      <c r="E2574" s="46">
        <v>1.5</v>
      </c>
      <c r="F2574" s="46">
        <v>7.7</v>
      </c>
      <c r="G2574" s="46">
        <v>51</v>
      </c>
      <c r="H2574" s="46">
        <v>10.8</v>
      </c>
      <c r="I2574" s="46">
        <v>16</v>
      </c>
      <c r="J2574" s="46">
        <v>0</v>
      </c>
      <c r="K2574" s="46">
        <v>5.2</v>
      </c>
      <c r="L2574" s="46">
        <v>0</v>
      </c>
      <c r="M2574" s="46">
        <v>0</v>
      </c>
      <c r="N2574" s="46">
        <v>3.1</v>
      </c>
      <c r="O2574" s="46">
        <v>3.6</v>
      </c>
      <c r="P2574" s="47">
        <v>1</v>
      </c>
    </row>
    <row r="2575" spans="2:16" x14ac:dyDescent="0.2">
      <c r="B2575" s="76"/>
      <c r="C2575" s="39" t="s">
        <v>67</v>
      </c>
      <c r="D2575" s="45">
        <v>61</v>
      </c>
      <c r="E2575" s="46">
        <v>4.9000000000000004</v>
      </c>
      <c r="F2575" s="46">
        <v>4.9000000000000004</v>
      </c>
      <c r="G2575" s="46">
        <v>39.299999999999997</v>
      </c>
      <c r="H2575" s="46">
        <v>18</v>
      </c>
      <c r="I2575" s="46">
        <v>13.1</v>
      </c>
      <c r="J2575" s="46">
        <v>0</v>
      </c>
      <c r="K2575" s="46">
        <v>6.6</v>
      </c>
      <c r="L2575" s="46">
        <v>0</v>
      </c>
      <c r="M2575" s="46">
        <v>0</v>
      </c>
      <c r="N2575" s="46">
        <v>8.1999999999999993</v>
      </c>
      <c r="O2575" s="46">
        <v>1.6</v>
      </c>
      <c r="P2575" s="47">
        <v>3.3</v>
      </c>
    </row>
    <row r="2576" spans="2:16" x14ac:dyDescent="0.2">
      <c r="B2576" s="76"/>
      <c r="C2576" s="39" t="s">
        <v>68</v>
      </c>
      <c r="D2576" s="45">
        <v>416</v>
      </c>
      <c r="E2576" s="46">
        <v>1.9</v>
      </c>
      <c r="F2576" s="46">
        <v>15.6</v>
      </c>
      <c r="G2576" s="46">
        <v>57</v>
      </c>
      <c r="H2576" s="46">
        <v>12.3</v>
      </c>
      <c r="I2576" s="46">
        <v>7.2</v>
      </c>
      <c r="J2576" s="46">
        <v>0.5</v>
      </c>
      <c r="K2576" s="46">
        <v>3.1</v>
      </c>
      <c r="L2576" s="46">
        <v>0</v>
      </c>
      <c r="M2576" s="46">
        <v>0</v>
      </c>
      <c r="N2576" s="46">
        <v>1</v>
      </c>
      <c r="O2576" s="46">
        <v>0.5</v>
      </c>
      <c r="P2576" s="47">
        <v>1</v>
      </c>
    </row>
    <row r="2577" spans="1:25" x14ac:dyDescent="0.2">
      <c r="B2577" s="76"/>
      <c r="C2577" s="40" t="s">
        <v>69</v>
      </c>
      <c r="D2577" s="48">
        <v>498</v>
      </c>
      <c r="E2577" s="49">
        <v>0.4</v>
      </c>
      <c r="F2577" s="49">
        <v>6.4</v>
      </c>
      <c r="G2577" s="49">
        <v>33.9</v>
      </c>
      <c r="H2577" s="49">
        <v>16.899999999999999</v>
      </c>
      <c r="I2577" s="49">
        <v>23.7</v>
      </c>
      <c r="J2577" s="49">
        <v>0</v>
      </c>
      <c r="K2577" s="49">
        <v>5</v>
      </c>
      <c r="L2577" s="49">
        <v>0.4</v>
      </c>
      <c r="M2577" s="49">
        <v>0.8</v>
      </c>
      <c r="N2577" s="49">
        <v>6.6</v>
      </c>
      <c r="O2577" s="49">
        <v>2.2000000000000002</v>
      </c>
      <c r="P2577" s="50">
        <v>3.6</v>
      </c>
    </row>
    <row r="2578" spans="1:25" x14ac:dyDescent="0.2">
      <c r="B2578" s="7" t="s">
        <v>71</v>
      </c>
      <c r="C2578" s="4" t="s">
        <v>155</v>
      </c>
    </row>
    <row r="2579" spans="1:25" x14ac:dyDescent="0.2">
      <c r="B2579" s="4"/>
      <c r="C2579" s="4" t="s">
        <v>73</v>
      </c>
    </row>
    <row r="2581" spans="1:25" x14ac:dyDescent="0.2">
      <c r="A2581" s="26" t="s">
        <v>25</v>
      </c>
      <c r="B2581" t="s">
        <v>35</v>
      </c>
      <c r="C2581" t="s">
        <v>35</v>
      </c>
    </row>
    <row r="2582" spans="1:25" x14ac:dyDescent="0.2">
      <c r="B2582" s="74" t="s">
        <v>156</v>
      </c>
      <c r="C2582" s="75"/>
      <c r="D2582" s="75"/>
      <c r="E2582" s="75"/>
      <c r="F2582" s="75"/>
      <c r="G2582" s="75"/>
      <c r="H2582" s="75"/>
      <c r="I2582" s="75"/>
      <c r="J2582" s="75"/>
      <c r="K2582" s="75"/>
      <c r="L2582" s="75"/>
      <c r="M2582" s="75"/>
      <c r="N2582" s="75"/>
      <c r="O2582" s="75"/>
      <c r="P2582" s="75"/>
      <c r="Q2582" s="75"/>
      <c r="R2582" s="75"/>
      <c r="S2582" s="75"/>
      <c r="T2582" s="75"/>
      <c r="U2582" s="75"/>
      <c r="V2582" s="75"/>
      <c r="W2582" s="75"/>
      <c r="X2582" s="75"/>
      <c r="Y2582" s="75"/>
    </row>
    <row r="2583" spans="1:25" s="32" customFormat="1" ht="47.25" customHeight="1" x14ac:dyDescent="0.15">
      <c r="A2583" s="31"/>
      <c r="D2583" s="33" t="s">
        <v>242</v>
      </c>
      <c r="E2583" s="35" t="s">
        <v>409</v>
      </c>
      <c r="F2583" s="36" t="s">
        <v>400</v>
      </c>
      <c r="G2583" s="36" t="s">
        <v>401</v>
      </c>
      <c r="H2583" s="36" t="s">
        <v>402</v>
      </c>
      <c r="I2583" s="36" t="s">
        <v>403</v>
      </c>
      <c r="J2583" s="36" t="s">
        <v>410</v>
      </c>
      <c r="K2583" s="37" t="s">
        <v>384</v>
      </c>
      <c r="L2583" s="34" t="s">
        <v>251</v>
      </c>
    </row>
    <row r="2584" spans="1:25" x14ac:dyDescent="0.2">
      <c r="B2584" s="5"/>
      <c r="C2584" s="41" t="s">
        <v>38</v>
      </c>
      <c r="D2584" s="42">
        <v>2000</v>
      </c>
      <c r="E2584" s="43">
        <v>8.1999999999999993</v>
      </c>
      <c r="F2584" s="43">
        <v>16.600000000000001</v>
      </c>
      <c r="G2584" s="43">
        <v>28.3</v>
      </c>
      <c r="H2584" s="43">
        <v>15.2</v>
      </c>
      <c r="I2584" s="43">
        <v>12.9</v>
      </c>
      <c r="J2584" s="43">
        <v>15</v>
      </c>
      <c r="K2584" s="44">
        <v>4</v>
      </c>
    </row>
    <row r="2585" spans="1:25" x14ac:dyDescent="0.2">
      <c r="B2585" s="76" t="s">
        <v>37</v>
      </c>
      <c r="C2585" s="39" t="s">
        <v>39</v>
      </c>
      <c r="D2585" s="45">
        <v>111</v>
      </c>
      <c r="E2585" s="46">
        <v>9.9</v>
      </c>
      <c r="F2585" s="46">
        <v>19.8</v>
      </c>
      <c r="G2585" s="46">
        <v>36</v>
      </c>
      <c r="H2585" s="46">
        <v>8.1</v>
      </c>
      <c r="I2585" s="46">
        <v>1.8</v>
      </c>
      <c r="J2585" s="46">
        <v>21.6</v>
      </c>
      <c r="K2585" s="47">
        <v>2.7</v>
      </c>
    </row>
    <row r="2586" spans="1:25" x14ac:dyDescent="0.2">
      <c r="B2586" s="76"/>
      <c r="C2586" s="39" t="s">
        <v>40</v>
      </c>
      <c r="D2586" s="45">
        <v>450</v>
      </c>
      <c r="E2586" s="46">
        <v>11.1</v>
      </c>
      <c r="F2586" s="46">
        <v>20.399999999999999</v>
      </c>
      <c r="G2586" s="46">
        <v>23.8</v>
      </c>
      <c r="H2586" s="46">
        <v>11.3</v>
      </c>
      <c r="I2586" s="46">
        <v>0.4</v>
      </c>
      <c r="J2586" s="46">
        <v>29.1</v>
      </c>
      <c r="K2586" s="47">
        <v>3.8</v>
      </c>
    </row>
    <row r="2587" spans="1:25" ht="21.6" x14ac:dyDescent="0.2">
      <c r="B2587" s="76"/>
      <c r="C2587" s="39" t="s">
        <v>41</v>
      </c>
      <c r="D2587" s="45">
        <v>30</v>
      </c>
      <c r="E2587" s="46">
        <v>6.7</v>
      </c>
      <c r="F2587" s="46">
        <v>13.3</v>
      </c>
      <c r="G2587" s="46">
        <v>40</v>
      </c>
      <c r="H2587" s="46">
        <v>16.7</v>
      </c>
      <c r="I2587" s="46">
        <v>10</v>
      </c>
      <c r="J2587" s="46">
        <v>10</v>
      </c>
      <c r="K2587" s="47">
        <v>3.3</v>
      </c>
    </row>
    <row r="2588" spans="1:25" ht="21.6" x14ac:dyDescent="0.2">
      <c r="B2588" s="76"/>
      <c r="C2588" s="39" t="s">
        <v>42</v>
      </c>
      <c r="D2588" s="45">
        <v>336</v>
      </c>
      <c r="E2588" s="46">
        <v>10.4</v>
      </c>
      <c r="F2588" s="46">
        <v>29.5</v>
      </c>
      <c r="G2588" s="46">
        <v>22.6</v>
      </c>
      <c r="H2588" s="46">
        <v>5.4</v>
      </c>
      <c r="I2588" s="46">
        <v>3.9</v>
      </c>
      <c r="J2588" s="46">
        <v>25</v>
      </c>
      <c r="K2588" s="47">
        <v>3.3</v>
      </c>
    </row>
    <row r="2589" spans="1:25" ht="21.6" x14ac:dyDescent="0.2">
      <c r="B2589" s="76"/>
      <c r="C2589" s="39" t="s">
        <v>43</v>
      </c>
      <c r="D2589" s="45">
        <v>327</v>
      </c>
      <c r="E2589" s="46">
        <v>5.2</v>
      </c>
      <c r="F2589" s="46">
        <v>2.1</v>
      </c>
      <c r="G2589" s="46">
        <v>20.5</v>
      </c>
      <c r="H2589" s="46">
        <v>43.4</v>
      </c>
      <c r="I2589" s="46">
        <v>20.5</v>
      </c>
      <c r="J2589" s="46">
        <v>4.3</v>
      </c>
      <c r="K2589" s="47">
        <v>4</v>
      </c>
    </row>
    <row r="2590" spans="1:25" ht="21.6" x14ac:dyDescent="0.2">
      <c r="B2590" s="76"/>
      <c r="C2590" s="39" t="s">
        <v>44</v>
      </c>
      <c r="D2590" s="45">
        <v>181</v>
      </c>
      <c r="E2590" s="46">
        <v>10.5</v>
      </c>
      <c r="F2590" s="46">
        <v>4.4000000000000004</v>
      </c>
      <c r="G2590" s="46">
        <v>53.6</v>
      </c>
      <c r="H2590" s="46">
        <v>23.2</v>
      </c>
      <c r="I2590" s="46">
        <v>1.1000000000000001</v>
      </c>
      <c r="J2590" s="46">
        <v>5</v>
      </c>
      <c r="K2590" s="47">
        <v>2.2000000000000002</v>
      </c>
    </row>
    <row r="2591" spans="1:25" ht="21.6" x14ac:dyDescent="0.2">
      <c r="B2591" s="76"/>
      <c r="C2591" s="39" t="s">
        <v>45</v>
      </c>
      <c r="D2591" s="45">
        <v>565</v>
      </c>
      <c r="E2591" s="46">
        <v>5.3</v>
      </c>
      <c r="F2591" s="46">
        <v>17.5</v>
      </c>
      <c r="G2591" s="46">
        <v>29.4</v>
      </c>
      <c r="H2591" s="46">
        <v>6.5</v>
      </c>
      <c r="I2591" s="46">
        <v>29.7</v>
      </c>
      <c r="J2591" s="46">
        <v>6.2</v>
      </c>
      <c r="K2591" s="47">
        <v>5.3</v>
      </c>
    </row>
    <row r="2592" spans="1:25" ht="21.6" x14ac:dyDescent="0.2">
      <c r="B2592" s="76"/>
      <c r="C2592" s="39" t="s">
        <v>46</v>
      </c>
      <c r="D2592" s="45">
        <v>473</v>
      </c>
      <c r="E2592" s="46">
        <v>0.6</v>
      </c>
      <c r="F2592" s="46">
        <v>9.3000000000000007</v>
      </c>
      <c r="G2592" s="46">
        <v>31.3</v>
      </c>
      <c r="H2592" s="46">
        <v>16.7</v>
      </c>
      <c r="I2592" s="46">
        <v>19.5</v>
      </c>
      <c r="J2592" s="46">
        <v>19</v>
      </c>
      <c r="K2592" s="47">
        <v>3.6</v>
      </c>
    </row>
    <row r="2593" spans="1:25" ht="21.6" x14ac:dyDescent="0.2">
      <c r="B2593" s="76"/>
      <c r="C2593" s="39" t="s">
        <v>47</v>
      </c>
      <c r="D2593" s="45">
        <v>441</v>
      </c>
      <c r="E2593" s="46">
        <v>2.5</v>
      </c>
      <c r="F2593" s="46">
        <v>19.7</v>
      </c>
      <c r="G2593" s="46">
        <v>29</v>
      </c>
      <c r="H2593" s="46">
        <v>15.2</v>
      </c>
      <c r="I2593" s="46">
        <v>12.5</v>
      </c>
      <c r="J2593" s="46">
        <v>18.399999999999999</v>
      </c>
      <c r="K2593" s="47">
        <v>2.7</v>
      </c>
    </row>
    <row r="2594" spans="1:25" ht="21.6" x14ac:dyDescent="0.2">
      <c r="B2594" s="76"/>
      <c r="C2594" s="39" t="s">
        <v>48</v>
      </c>
      <c r="D2594" s="45">
        <v>305</v>
      </c>
      <c r="E2594" s="46">
        <v>9.8000000000000007</v>
      </c>
      <c r="F2594" s="46">
        <v>23.3</v>
      </c>
      <c r="G2594" s="46">
        <v>21.6</v>
      </c>
      <c r="H2594" s="46">
        <v>17</v>
      </c>
      <c r="I2594" s="46">
        <v>8.9</v>
      </c>
      <c r="J2594" s="46">
        <v>16.100000000000001</v>
      </c>
      <c r="K2594" s="47">
        <v>3.3</v>
      </c>
    </row>
    <row r="2595" spans="1:25" ht="21.6" x14ac:dyDescent="0.2">
      <c r="B2595" s="76"/>
      <c r="C2595" s="39" t="s">
        <v>49</v>
      </c>
      <c r="D2595" s="45">
        <v>223</v>
      </c>
      <c r="E2595" s="46">
        <v>19.3</v>
      </c>
      <c r="F2595" s="46">
        <v>15.2</v>
      </c>
      <c r="G2595" s="46">
        <v>27.8</v>
      </c>
      <c r="H2595" s="46">
        <v>16.600000000000001</v>
      </c>
      <c r="I2595" s="46">
        <v>4</v>
      </c>
      <c r="J2595" s="46">
        <v>12.6</v>
      </c>
      <c r="K2595" s="47">
        <v>4.5</v>
      </c>
    </row>
    <row r="2596" spans="1:25" ht="21.6" x14ac:dyDescent="0.2">
      <c r="B2596" s="76"/>
      <c r="C2596" s="39" t="s">
        <v>50</v>
      </c>
      <c r="D2596" s="45">
        <v>123</v>
      </c>
      <c r="E2596" s="46">
        <v>23.6</v>
      </c>
      <c r="F2596" s="46">
        <v>22.8</v>
      </c>
      <c r="G2596" s="46">
        <v>31.7</v>
      </c>
      <c r="H2596" s="46">
        <v>13</v>
      </c>
      <c r="I2596" s="46">
        <v>4.0999999999999996</v>
      </c>
      <c r="J2596" s="46">
        <v>3.3</v>
      </c>
      <c r="K2596" s="47">
        <v>1.6</v>
      </c>
    </row>
    <row r="2597" spans="1:25" ht="21.6" x14ac:dyDescent="0.2">
      <c r="B2597" s="76"/>
      <c r="C2597" s="39" t="s">
        <v>51</v>
      </c>
      <c r="D2597" s="45">
        <v>124</v>
      </c>
      <c r="E2597" s="46">
        <v>29.8</v>
      </c>
      <c r="F2597" s="46">
        <v>16.100000000000001</v>
      </c>
      <c r="G2597" s="46">
        <v>29.8</v>
      </c>
      <c r="H2597" s="46">
        <v>13.7</v>
      </c>
      <c r="I2597" s="46">
        <v>6.5</v>
      </c>
      <c r="J2597" s="46">
        <v>2.4</v>
      </c>
      <c r="K2597" s="47">
        <v>1.6</v>
      </c>
    </row>
    <row r="2598" spans="1:25" ht="21.6" x14ac:dyDescent="0.2">
      <c r="B2598" s="76"/>
      <c r="C2598" s="39" t="s">
        <v>52</v>
      </c>
      <c r="D2598" s="45">
        <v>312</v>
      </c>
      <c r="E2598" s="46">
        <v>4.8</v>
      </c>
      <c r="F2598" s="46">
        <v>16</v>
      </c>
      <c r="G2598" s="46">
        <v>34.299999999999997</v>
      </c>
      <c r="H2598" s="46">
        <v>13.1</v>
      </c>
      <c r="I2598" s="46">
        <v>14.1</v>
      </c>
      <c r="J2598" s="46">
        <v>12.8</v>
      </c>
      <c r="K2598" s="47">
        <v>4.8</v>
      </c>
    </row>
    <row r="2599" spans="1:25" x14ac:dyDescent="0.2">
      <c r="B2599" s="76"/>
      <c r="C2599" s="39" t="s">
        <v>53</v>
      </c>
      <c r="D2599" s="45">
        <v>269</v>
      </c>
      <c r="E2599" s="46">
        <v>7.4</v>
      </c>
      <c r="F2599" s="46">
        <v>11.9</v>
      </c>
      <c r="G2599" s="46">
        <v>30.1</v>
      </c>
      <c r="H2599" s="46">
        <v>12.6</v>
      </c>
      <c r="I2599" s="46">
        <v>15.2</v>
      </c>
      <c r="J2599" s="46">
        <v>21.2</v>
      </c>
      <c r="K2599" s="47">
        <v>1.5</v>
      </c>
    </row>
    <row r="2600" spans="1:25" ht="21.6" x14ac:dyDescent="0.2">
      <c r="B2600" s="76"/>
      <c r="C2600" s="39" t="s">
        <v>54</v>
      </c>
      <c r="D2600" s="45">
        <v>511</v>
      </c>
      <c r="E2600" s="46">
        <v>10.6</v>
      </c>
      <c r="F2600" s="46">
        <v>20.399999999999999</v>
      </c>
      <c r="G2600" s="46">
        <v>26</v>
      </c>
      <c r="H2600" s="46">
        <v>15.5</v>
      </c>
      <c r="I2600" s="46">
        <v>8.6</v>
      </c>
      <c r="J2600" s="46">
        <v>16.600000000000001</v>
      </c>
      <c r="K2600" s="47">
        <v>2.2999999999999998</v>
      </c>
    </row>
    <row r="2601" spans="1:25" ht="21.6" x14ac:dyDescent="0.2">
      <c r="B2601" s="76"/>
      <c r="C2601" s="39" t="s">
        <v>55</v>
      </c>
      <c r="D2601" s="45">
        <v>615</v>
      </c>
      <c r="E2601" s="46">
        <v>12</v>
      </c>
      <c r="F2601" s="46">
        <v>19.7</v>
      </c>
      <c r="G2601" s="46">
        <v>30.4</v>
      </c>
      <c r="H2601" s="46">
        <v>16.100000000000001</v>
      </c>
      <c r="I2601" s="46">
        <v>8.1</v>
      </c>
      <c r="J2601" s="46">
        <v>11.1</v>
      </c>
      <c r="K2601" s="47">
        <v>2.6</v>
      </c>
    </row>
    <row r="2602" spans="1:25" ht="21.6" x14ac:dyDescent="0.2">
      <c r="B2602" s="76"/>
      <c r="C2602" s="39" t="s">
        <v>56</v>
      </c>
      <c r="D2602" s="45">
        <v>800</v>
      </c>
      <c r="E2602" s="46">
        <v>10.1</v>
      </c>
      <c r="F2602" s="46">
        <v>18.600000000000001</v>
      </c>
      <c r="G2602" s="46">
        <v>26.8</v>
      </c>
      <c r="H2602" s="46">
        <v>17.8</v>
      </c>
      <c r="I2602" s="46">
        <v>9.4</v>
      </c>
      <c r="J2602" s="46">
        <v>14</v>
      </c>
      <c r="K2602" s="47">
        <v>3.4</v>
      </c>
    </row>
    <row r="2603" spans="1:25" x14ac:dyDescent="0.2">
      <c r="B2603" s="76"/>
      <c r="C2603" s="40" t="s">
        <v>57</v>
      </c>
      <c r="D2603" s="48">
        <v>798</v>
      </c>
      <c r="E2603" s="49">
        <v>9.5</v>
      </c>
      <c r="F2603" s="49">
        <v>17.8</v>
      </c>
      <c r="G2603" s="49">
        <v>31.5</v>
      </c>
      <c r="H2603" s="49">
        <v>12.5</v>
      </c>
      <c r="I2603" s="49">
        <v>10.9</v>
      </c>
      <c r="J2603" s="49">
        <v>14.8</v>
      </c>
      <c r="K2603" s="50">
        <v>3</v>
      </c>
    </row>
    <row r="2605" spans="1:25" x14ac:dyDescent="0.2">
      <c r="C2605" t="s">
        <v>35</v>
      </c>
    </row>
    <row r="2606" spans="1:25" x14ac:dyDescent="0.2">
      <c r="B2606" s="74" t="s">
        <v>228</v>
      </c>
      <c r="C2606" s="75"/>
      <c r="D2606" s="75"/>
      <c r="E2606" s="75"/>
      <c r="F2606" s="75"/>
      <c r="G2606" s="75"/>
      <c r="H2606" s="75"/>
      <c r="I2606" s="75"/>
      <c r="J2606" s="75"/>
      <c r="K2606" s="75"/>
      <c r="L2606" s="75"/>
      <c r="M2606" s="75"/>
      <c r="N2606" s="75"/>
      <c r="O2606" s="75"/>
      <c r="P2606" s="75"/>
      <c r="Q2606" s="75"/>
      <c r="R2606" s="75"/>
      <c r="S2606" s="75"/>
      <c r="T2606" s="75"/>
      <c r="U2606" s="75"/>
      <c r="V2606" s="75"/>
      <c r="W2606" s="75"/>
      <c r="X2606" s="75"/>
      <c r="Y2606" s="75"/>
    </row>
    <row r="2607" spans="1:25" s="32" customFormat="1" ht="47.25" customHeight="1" x14ac:dyDescent="0.15">
      <c r="A2607" s="31"/>
      <c r="D2607" s="33" t="s">
        <v>242</v>
      </c>
      <c r="E2607" s="35" t="s">
        <v>409</v>
      </c>
      <c r="F2607" s="36" t="s">
        <v>400</v>
      </c>
      <c r="G2607" s="36" t="s">
        <v>401</v>
      </c>
      <c r="H2607" s="36" t="s">
        <v>402</v>
      </c>
      <c r="I2607" s="36" t="s">
        <v>403</v>
      </c>
      <c r="J2607" s="36" t="s">
        <v>410</v>
      </c>
      <c r="K2607" s="37" t="s">
        <v>384</v>
      </c>
      <c r="L2607" s="34" t="s">
        <v>251</v>
      </c>
    </row>
    <row r="2608" spans="1:25" ht="21.6" x14ac:dyDescent="0.2">
      <c r="B2608" s="76" t="s">
        <v>37</v>
      </c>
      <c r="C2608" s="38" t="s">
        <v>58</v>
      </c>
      <c r="D2608" s="51">
        <v>609</v>
      </c>
      <c r="E2608" s="52">
        <v>3.1</v>
      </c>
      <c r="F2608" s="52">
        <v>19.7</v>
      </c>
      <c r="G2608" s="52">
        <v>27.9</v>
      </c>
      <c r="H2608" s="52">
        <v>19.2</v>
      </c>
      <c r="I2608" s="52">
        <v>10.199999999999999</v>
      </c>
      <c r="J2608" s="52">
        <v>16.399999999999999</v>
      </c>
      <c r="K2608" s="53">
        <v>3.4</v>
      </c>
    </row>
    <row r="2609" spans="2:11" ht="21.6" x14ac:dyDescent="0.2">
      <c r="B2609" s="76"/>
      <c r="C2609" s="39" t="s">
        <v>59</v>
      </c>
      <c r="D2609" s="45">
        <v>1391</v>
      </c>
      <c r="E2609" s="46">
        <v>10.4</v>
      </c>
      <c r="F2609" s="46">
        <v>15.2</v>
      </c>
      <c r="G2609" s="46">
        <v>28.4</v>
      </c>
      <c r="H2609" s="46">
        <v>13.4</v>
      </c>
      <c r="I2609" s="46">
        <v>14</v>
      </c>
      <c r="J2609" s="46">
        <v>14.4</v>
      </c>
      <c r="K2609" s="47">
        <v>4.2</v>
      </c>
    </row>
    <row r="2610" spans="2:11" x14ac:dyDescent="0.2">
      <c r="B2610" s="76"/>
      <c r="C2610" s="39" t="s">
        <v>60</v>
      </c>
      <c r="D2610" s="45">
        <v>1325</v>
      </c>
      <c r="E2610" s="46">
        <v>8.5</v>
      </c>
      <c r="F2610" s="46">
        <v>17.100000000000001</v>
      </c>
      <c r="G2610" s="46">
        <v>29.6</v>
      </c>
      <c r="H2610" s="46">
        <v>15.1</v>
      </c>
      <c r="I2610" s="46">
        <v>12.3</v>
      </c>
      <c r="J2610" s="46">
        <v>13.9</v>
      </c>
      <c r="K2610" s="47">
        <v>3.5</v>
      </c>
    </row>
    <row r="2611" spans="2:11" x14ac:dyDescent="0.2">
      <c r="B2611" s="76"/>
      <c r="C2611" s="39" t="s">
        <v>61</v>
      </c>
      <c r="D2611" s="45">
        <v>675</v>
      </c>
      <c r="E2611" s="46">
        <v>7.6</v>
      </c>
      <c r="F2611" s="46">
        <v>15.4</v>
      </c>
      <c r="G2611" s="46">
        <v>25.6</v>
      </c>
      <c r="H2611" s="46">
        <v>15.4</v>
      </c>
      <c r="I2611" s="46">
        <v>13.9</v>
      </c>
      <c r="J2611" s="46">
        <v>17.2</v>
      </c>
      <c r="K2611" s="47">
        <v>4.9000000000000004</v>
      </c>
    </row>
    <row r="2612" spans="2:11" x14ac:dyDescent="0.2">
      <c r="B2612" s="76"/>
      <c r="C2612" s="39" t="s">
        <v>62</v>
      </c>
      <c r="D2612" s="45">
        <v>1086</v>
      </c>
      <c r="E2612" s="46">
        <v>14.2</v>
      </c>
      <c r="F2612" s="46">
        <v>21.5</v>
      </c>
      <c r="G2612" s="46">
        <v>14.6</v>
      </c>
      <c r="H2612" s="46">
        <v>15.6</v>
      </c>
      <c r="I2612" s="46">
        <v>10</v>
      </c>
      <c r="J2612" s="46">
        <v>20</v>
      </c>
      <c r="K2612" s="47">
        <v>4.0999999999999996</v>
      </c>
    </row>
    <row r="2613" spans="2:11" ht="21.6" x14ac:dyDescent="0.2">
      <c r="B2613" s="76"/>
      <c r="C2613" s="39" t="s">
        <v>63</v>
      </c>
      <c r="D2613" s="45">
        <v>203</v>
      </c>
      <c r="E2613" s="46">
        <v>1.5</v>
      </c>
      <c r="F2613" s="46">
        <v>21.2</v>
      </c>
      <c r="G2613" s="46">
        <v>15.3</v>
      </c>
      <c r="H2613" s="46">
        <v>20.2</v>
      </c>
      <c r="I2613" s="46">
        <v>13.3</v>
      </c>
      <c r="J2613" s="46">
        <v>22.7</v>
      </c>
      <c r="K2613" s="47">
        <v>5.9</v>
      </c>
    </row>
    <row r="2614" spans="2:11" x14ac:dyDescent="0.2">
      <c r="B2614" s="76"/>
      <c r="C2614" s="39" t="s">
        <v>64</v>
      </c>
      <c r="D2614" s="45">
        <v>263</v>
      </c>
      <c r="E2614" s="46">
        <v>8</v>
      </c>
      <c r="F2614" s="46">
        <v>28.1</v>
      </c>
      <c r="G2614" s="46">
        <v>17.100000000000001</v>
      </c>
      <c r="H2614" s="46">
        <v>17.100000000000001</v>
      </c>
      <c r="I2614" s="46">
        <v>10.6</v>
      </c>
      <c r="J2614" s="46">
        <v>17.100000000000001</v>
      </c>
      <c r="K2614" s="47">
        <v>1.9</v>
      </c>
    </row>
    <row r="2615" spans="2:11" x14ac:dyDescent="0.2">
      <c r="B2615" s="76"/>
      <c r="C2615" s="39" t="s">
        <v>65</v>
      </c>
      <c r="D2615" s="45">
        <v>312</v>
      </c>
      <c r="E2615" s="46">
        <v>15.1</v>
      </c>
      <c r="F2615" s="46">
        <v>19.600000000000001</v>
      </c>
      <c r="G2615" s="46">
        <v>12.8</v>
      </c>
      <c r="H2615" s="46">
        <v>16.3</v>
      </c>
      <c r="I2615" s="46">
        <v>10.6</v>
      </c>
      <c r="J2615" s="46">
        <v>21.8</v>
      </c>
      <c r="K2615" s="47">
        <v>3.8</v>
      </c>
    </row>
    <row r="2616" spans="2:11" x14ac:dyDescent="0.2">
      <c r="B2616" s="76"/>
      <c r="C2616" s="39" t="s">
        <v>66</v>
      </c>
      <c r="D2616" s="45">
        <v>230</v>
      </c>
      <c r="E2616" s="46">
        <v>30.4</v>
      </c>
      <c r="F2616" s="46">
        <v>18.7</v>
      </c>
      <c r="G2616" s="46">
        <v>11.3</v>
      </c>
      <c r="H2616" s="46">
        <v>10</v>
      </c>
      <c r="I2616" s="46">
        <v>7</v>
      </c>
      <c r="J2616" s="46">
        <v>19.100000000000001</v>
      </c>
      <c r="K2616" s="47">
        <v>3.5</v>
      </c>
    </row>
    <row r="2617" spans="2:11" x14ac:dyDescent="0.2">
      <c r="B2617" s="76"/>
      <c r="C2617" s="39" t="s">
        <v>67</v>
      </c>
      <c r="D2617" s="45">
        <v>78</v>
      </c>
      <c r="E2617" s="46">
        <v>16.7</v>
      </c>
      <c r="F2617" s="46">
        <v>16.7</v>
      </c>
      <c r="G2617" s="46">
        <v>21.8</v>
      </c>
      <c r="H2617" s="46">
        <v>11.5</v>
      </c>
      <c r="I2617" s="46">
        <v>6.4</v>
      </c>
      <c r="J2617" s="46">
        <v>17.899999999999999</v>
      </c>
      <c r="K2617" s="47">
        <v>9</v>
      </c>
    </row>
    <row r="2618" spans="2:11" x14ac:dyDescent="0.2">
      <c r="B2618" s="76"/>
      <c r="C2618" s="39" t="s">
        <v>68</v>
      </c>
      <c r="D2618" s="45">
        <v>897</v>
      </c>
      <c r="E2618" s="46">
        <v>17.100000000000001</v>
      </c>
      <c r="F2618" s="46">
        <v>23.7</v>
      </c>
      <c r="G2618" s="46">
        <v>14.5</v>
      </c>
      <c r="H2618" s="46">
        <v>16.7</v>
      </c>
      <c r="I2618" s="46">
        <v>7.8</v>
      </c>
      <c r="J2618" s="46">
        <v>17.7</v>
      </c>
      <c r="K2618" s="47">
        <v>2.5</v>
      </c>
    </row>
    <row r="2619" spans="2:11" x14ac:dyDescent="0.2">
      <c r="B2619" s="76"/>
      <c r="C2619" s="39" t="s">
        <v>69</v>
      </c>
      <c r="D2619" s="45">
        <v>189</v>
      </c>
      <c r="E2619" s="46">
        <v>0.5</v>
      </c>
      <c r="F2619" s="46">
        <v>11.1</v>
      </c>
      <c r="G2619" s="46">
        <v>15.3</v>
      </c>
      <c r="H2619" s="46">
        <v>10.1</v>
      </c>
      <c r="I2619" s="46">
        <v>20.6</v>
      </c>
      <c r="J2619" s="46">
        <v>30.7</v>
      </c>
      <c r="K2619" s="47">
        <v>11.6</v>
      </c>
    </row>
    <row r="2620" spans="2:11" x14ac:dyDescent="0.2">
      <c r="B2620" s="76"/>
      <c r="C2620" s="39" t="s">
        <v>70</v>
      </c>
      <c r="D2620" s="45">
        <v>914</v>
      </c>
      <c r="E2620" s="46">
        <v>1.1000000000000001</v>
      </c>
      <c r="F2620" s="46">
        <v>10.6</v>
      </c>
      <c r="G2620" s="46">
        <v>44.4</v>
      </c>
      <c r="H2620" s="46">
        <v>14.8</v>
      </c>
      <c r="I2620" s="46">
        <v>16.2</v>
      </c>
      <c r="J2620" s="46">
        <v>9.1</v>
      </c>
      <c r="K2620" s="47">
        <v>3.8</v>
      </c>
    </row>
    <row r="2621" spans="2:11" ht="21.6" x14ac:dyDescent="0.2">
      <c r="B2621" s="76"/>
      <c r="C2621" s="39" t="s">
        <v>63</v>
      </c>
      <c r="D2621" s="45">
        <v>193</v>
      </c>
      <c r="E2621" s="46">
        <v>0</v>
      </c>
      <c r="F2621" s="46">
        <v>12.4</v>
      </c>
      <c r="G2621" s="46">
        <v>36.299999999999997</v>
      </c>
      <c r="H2621" s="46">
        <v>24.9</v>
      </c>
      <c r="I2621" s="46">
        <v>17.600000000000001</v>
      </c>
      <c r="J2621" s="46">
        <v>4.7</v>
      </c>
      <c r="K2621" s="47">
        <v>4.0999999999999996</v>
      </c>
    </row>
    <row r="2622" spans="2:11" x14ac:dyDescent="0.2">
      <c r="B2622" s="76"/>
      <c r="C2622" s="39" t="s">
        <v>64</v>
      </c>
      <c r="D2622" s="45">
        <v>203</v>
      </c>
      <c r="E2622" s="46">
        <v>0.5</v>
      </c>
      <c r="F2622" s="46">
        <v>14.8</v>
      </c>
      <c r="G2622" s="46">
        <v>44.3</v>
      </c>
      <c r="H2622" s="46">
        <v>14.3</v>
      </c>
      <c r="I2622" s="46">
        <v>15.3</v>
      </c>
      <c r="J2622" s="46">
        <v>8.4</v>
      </c>
      <c r="K2622" s="47">
        <v>2.5</v>
      </c>
    </row>
    <row r="2623" spans="2:11" x14ac:dyDescent="0.2">
      <c r="B2623" s="76"/>
      <c r="C2623" s="39" t="s">
        <v>65</v>
      </c>
      <c r="D2623" s="45">
        <v>263</v>
      </c>
      <c r="E2623" s="46">
        <v>1.1000000000000001</v>
      </c>
      <c r="F2623" s="46">
        <v>9.5</v>
      </c>
      <c r="G2623" s="46">
        <v>46.8</v>
      </c>
      <c r="H2623" s="46">
        <v>9.9</v>
      </c>
      <c r="I2623" s="46">
        <v>16.7</v>
      </c>
      <c r="J2623" s="46">
        <v>12.2</v>
      </c>
      <c r="K2623" s="47">
        <v>3.8</v>
      </c>
    </row>
    <row r="2624" spans="2:11" x14ac:dyDescent="0.2">
      <c r="B2624" s="76"/>
      <c r="C2624" s="39" t="s">
        <v>66</v>
      </c>
      <c r="D2624" s="45">
        <v>194</v>
      </c>
      <c r="E2624" s="46">
        <v>1.5</v>
      </c>
      <c r="F2624" s="46">
        <v>7.7</v>
      </c>
      <c r="G2624" s="46">
        <v>51</v>
      </c>
      <c r="H2624" s="46">
        <v>10.8</v>
      </c>
      <c r="I2624" s="46">
        <v>16</v>
      </c>
      <c r="J2624" s="46">
        <v>8.1999999999999993</v>
      </c>
      <c r="K2624" s="47">
        <v>4.5999999999999996</v>
      </c>
    </row>
    <row r="2625" spans="1:25" x14ac:dyDescent="0.2">
      <c r="B2625" s="76"/>
      <c r="C2625" s="39" t="s">
        <v>67</v>
      </c>
      <c r="D2625" s="45">
        <v>61</v>
      </c>
      <c r="E2625" s="46">
        <v>4.9000000000000004</v>
      </c>
      <c r="F2625" s="46">
        <v>4.9000000000000004</v>
      </c>
      <c r="G2625" s="46">
        <v>39.299999999999997</v>
      </c>
      <c r="H2625" s="46">
        <v>18</v>
      </c>
      <c r="I2625" s="46">
        <v>13.1</v>
      </c>
      <c r="J2625" s="46">
        <v>14.8</v>
      </c>
      <c r="K2625" s="47">
        <v>4.9000000000000004</v>
      </c>
    </row>
    <row r="2626" spans="1:25" x14ac:dyDescent="0.2">
      <c r="B2626" s="76"/>
      <c r="C2626" s="39" t="s">
        <v>68</v>
      </c>
      <c r="D2626" s="45">
        <v>416</v>
      </c>
      <c r="E2626" s="46">
        <v>1.9</v>
      </c>
      <c r="F2626" s="46">
        <v>15.6</v>
      </c>
      <c r="G2626" s="46">
        <v>57</v>
      </c>
      <c r="H2626" s="46">
        <v>12.3</v>
      </c>
      <c r="I2626" s="46">
        <v>7.2</v>
      </c>
      <c r="J2626" s="46">
        <v>4.5999999999999996</v>
      </c>
      <c r="K2626" s="47">
        <v>1.4</v>
      </c>
    </row>
    <row r="2627" spans="1:25" x14ac:dyDescent="0.2">
      <c r="B2627" s="76"/>
      <c r="C2627" s="40" t="s">
        <v>69</v>
      </c>
      <c r="D2627" s="48">
        <v>498</v>
      </c>
      <c r="E2627" s="49">
        <v>0.4</v>
      </c>
      <c r="F2627" s="49">
        <v>6.4</v>
      </c>
      <c r="G2627" s="49">
        <v>33.9</v>
      </c>
      <c r="H2627" s="49">
        <v>16.899999999999999</v>
      </c>
      <c r="I2627" s="49">
        <v>23.7</v>
      </c>
      <c r="J2627" s="49">
        <v>12.9</v>
      </c>
      <c r="K2627" s="50">
        <v>5.8</v>
      </c>
    </row>
    <row r="2629" spans="1:25" x14ac:dyDescent="0.2">
      <c r="A2629" s="26" t="s">
        <v>25</v>
      </c>
      <c r="B2629" t="s">
        <v>35</v>
      </c>
      <c r="C2629" t="s">
        <v>35</v>
      </c>
    </row>
    <row r="2630" spans="1:25" x14ac:dyDescent="0.2">
      <c r="B2630" s="74" t="s">
        <v>157</v>
      </c>
      <c r="C2630" s="75"/>
      <c r="D2630" s="75"/>
      <c r="E2630" s="75"/>
      <c r="F2630" s="75"/>
      <c r="G2630" s="75"/>
      <c r="H2630" s="75"/>
      <c r="I2630" s="75"/>
      <c r="J2630" s="75"/>
      <c r="K2630" s="75"/>
      <c r="L2630" s="75"/>
      <c r="M2630" s="75"/>
      <c r="N2630" s="75"/>
      <c r="O2630" s="75"/>
      <c r="P2630" s="75"/>
      <c r="Q2630" s="75"/>
      <c r="R2630" s="75"/>
      <c r="S2630" s="75"/>
      <c r="T2630" s="75"/>
      <c r="U2630" s="75"/>
      <c r="V2630" s="75"/>
      <c r="W2630" s="75"/>
      <c r="X2630" s="75"/>
      <c r="Y2630" s="75"/>
    </row>
    <row r="2631" spans="1:25" s="32" customFormat="1" ht="36.450000000000003" customHeight="1" x14ac:dyDescent="0.15">
      <c r="A2631" s="31"/>
      <c r="D2631" s="33" t="s">
        <v>242</v>
      </c>
      <c r="E2631" s="35" t="s">
        <v>411</v>
      </c>
      <c r="F2631" s="36" t="s">
        <v>412</v>
      </c>
      <c r="G2631" s="36" t="s">
        <v>413</v>
      </c>
      <c r="H2631" s="36" t="s">
        <v>414</v>
      </c>
      <c r="I2631" s="36" t="s">
        <v>415</v>
      </c>
      <c r="J2631" s="36" t="s">
        <v>416</v>
      </c>
      <c r="K2631" s="36" t="s">
        <v>417</v>
      </c>
      <c r="L2631" s="55" t="s">
        <v>362</v>
      </c>
      <c r="M2631" s="56" t="s">
        <v>363</v>
      </c>
      <c r="N2631" s="54" t="s">
        <v>251</v>
      </c>
    </row>
    <row r="2632" spans="1:25" x14ac:dyDescent="0.2">
      <c r="B2632" s="5"/>
      <c r="C2632" s="41" t="s">
        <v>38</v>
      </c>
      <c r="D2632" s="42">
        <v>2000</v>
      </c>
      <c r="E2632" s="43">
        <v>5.6</v>
      </c>
      <c r="F2632" s="43">
        <v>19.100000000000001</v>
      </c>
      <c r="G2632" s="43">
        <v>14.2</v>
      </c>
      <c r="H2632" s="43">
        <v>23.3</v>
      </c>
      <c r="I2632" s="43">
        <v>12.9</v>
      </c>
      <c r="J2632" s="43">
        <v>8.8000000000000007</v>
      </c>
      <c r="K2632" s="43">
        <v>16.2</v>
      </c>
      <c r="L2632" s="43">
        <v>9.6</v>
      </c>
      <c r="M2632" s="57">
        <v>6</v>
      </c>
    </row>
    <row r="2633" spans="1:25" x14ac:dyDescent="0.2">
      <c r="B2633" s="76" t="s">
        <v>37</v>
      </c>
      <c r="C2633" s="39" t="s">
        <v>39</v>
      </c>
      <c r="D2633" s="45">
        <v>111</v>
      </c>
      <c r="E2633" s="46">
        <v>0</v>
      </c>
      <c r="F2633" s="46">
        <v>13.5</v>
      </c>
      <c r="G2633" s="46">
        <v>16.2</v>
      </c>
      <c r="H2633" s="46">
        <v>24.3</v>
      </c>
      <c r="I2633" s="46">
        <v>16.2</v>
      </c>
      <c r="J2633" s="46">
        <v>15.3</v>
      </c>
      <c r="K2633" s="46">
        <v>14.4</v>
      </c>
      <c r="L2633" s="46">
        <v>10.6</v>
      </c>
      <c r="M2633" s="58">
        <v>8</v>
      </c>
    </row>
    <row r="2634" spans="1:25" x14ac:dyDescent="0.2">
      <c r="B2634" s="76"/>
      <c r="C2634" s="39" t="s">
        <v>40</v>
      </c>
      <c r="D2634" s="45">
        <v>450</v>
      </c>
      <c r="E2634" s="46">
        <v>6</v>
      </c>
      <c r="F2634" s="46">
        <v>11.3</v>
      </c>
      <c r="G2634" s="46">
        <v>10.4</v>
      </c>
      <c r="H2634" s="46">
        <v>23.3</v>
      </c>
      <c r="I2634" s="46">
        <v>13.8</v>
      </c>
      <c r="J2634" s="46">
        <v>10.7</v>
      </c>
      <c r="K2634" s="46">
        <v>24.4</v>
      </c>
      <c r="L2634" s="46">
        <v>12.2</v>
      </c>
      <c r="M2634" s="58">
        <v>9</v>
      </c>
    </row>
    <row r="2635" spans="1:25" ht="21.6" x14ac:dyDescent="0.2">
      <c r="B2635" s="76"/>
      <c r="C2635" s="39" t="s">
        <v>41</v>
      </c>
      <c r="D2635" s="45">
        <v>30</v>
      </c>
      <c r="E2635" s="46">
        <v>10</v>
      </c>
      <c r="F2635" s="46">
        <v>20</v>
      </c>
      <c r="G2635" s="46">
        <v>13.3</v>
      </c>
      <c r="H2635" s="46">
        <v>13.3</v>
      </c>
      <c r="I2635" s="46">
        <v>23.3</v>
      </c>
      <c r="J2635" s="46">
        <v>3.3</v>
      </c>
      <c r="K2635" s="46">
        <v>16.7</v>
      </c>
      <c r="L2635" s="46">
        <v>9.4</v>
      </c>
      <c r="M2635" s="58">
        <v>6</v>
      </c>
    </row>
    <row r="2636" spans="1:25" ht="21.6" x14ac:dyDescent="0.2">
      <c r="B2636" s="76"/>
      <c r="C2636" s="39" t="s">
        <v>42</v>
      </c>
      <c r="D2636" s="45">
        <v>336</v>
      </c>
      <c r="E2636" s="46">
        <v>5.4</v>
      </c>
      <c r="F2636" s="46">
        <v>22.3</v>
      </c>
      <c r="G2636" s="46">
        <v>11.6</v>
      </c>
      <c r="H2636" s="46">
        <v>20.8</v>
      </c>
      <c r="I2636" s="46">
        <v>11.6</v>
      </c>
      <c r="J2636" s="46">
        <v>10.1</v>
      </c>
      <c r="K2636" s="46">
        <v>18.2</v>
      </c>
      <c r="L2636" s="46">
        <v>10.199999999999999</v>
      </c>
      <c r="M2636" s="58">
        <v>6</v>
      </c>
    </row>
    <row r="2637" spans="1:25" ht="21.6" x14ac:dyDescent="0.2">
      <c r="B2637" s="76"/>
      <c r="C2637" s="39" t="s">
        <v>43</v>
      </c>
      <c r="D2637" s="45">
        <v>327</v>
      </c>
      <c r="E2637" s="46">
        <v>5.8</v>
      </c>
      <c r="F2637" s="46">
        <v>21.7</v>
      </c>
      <c r="G2637" s="46">
        <v>16.8</v>
      </c>
      <c r="H2637" s="46">
        <v>25.1</v>
      </c>
      <c r="I2637" s="46">
        <v>15</v>
      </c>
      <c r="J2637" s="46">
        <v>5.5</v>
      </c>
      <c r="K2637" s="46">
        <v>10.1</v>
      </c>
      <c r="L2637" s="46">
        <v>7.9</v>
      </c>
      <c r="M2637" s="58">
        <v>5</v>
      </c>
    </row>
    <row r="2638" spans="1:25" ht="21.6" x14ac:dyDescent="0.2">
      <c r="B2638" s="76"/>
      <c r="C2638" s="39" t="s">
        <v>44</v>
      </c>
      <c r="D2638" s="45">
        <v>181</v>
      </c>
      <c r="E2638" s="46">
        <v>2.2000000000000002</v>
      </c>
      <c r="F2638" s="46">
        <v>14.9</v>
      </c>
      <c r="G2638" s="46">
        <v>14.4</v>
      </c>
      <c r="H2638" s="46">
        <v>24.9</v>
      </c>
      <c r="I2638" s="46">
        <v>8.8000000000000007</v>
      </c>
      <c r="J2638" s="46">
        <v>14.4</v>
      </c>
      <c r="K2638" s="46">
        <v>20.399999999999999</v>
      </c>
      <c r="L2638" s="46">
        <v>11</v>
      </c>
      <c r="M2638" s="58">
        <v>8</v>
      </c>
    </row>
    <row r="2639" spans="1:25" ht="21.6" x14ac:dyDescent="0.2">
      <c r="B2639" s="76"/>
      <c r="C2639" s="39" t="s">
        <v>45</v>
      </c>
      <c r="D2639" s="45">
        <v>565</v>
      </c>
      <c r="E2639" s="46">
        <v>7.3</v>
      </c>
      <c r="F2639" s="46">
        <v>24.2</v>
      </c>
      <c r="G2639" s="46">
        <v>16.8</v>
      </c>
      <c r="H2639" s="46">
        <v>23.5</v>
      </c>
      <c r="I2639" s="46">
        <v>11.7</v>
      </c>
      <c r="J2639" s="46">
        <v>5.5</v>
      </c>
      <c r="K2639" s="46">
        <v>11</v>
      </c>
      <c r="L2639" s="46">
        <v>7.6</v>
      </c>
      <c r="M2639" s="58">
        <v>5</v>
      </c>
    </row>
    <row r="2640" spans="1:25" ht="21.6" x14ac:dyDescent="0.2">
      <c r="B2640" s="76"/>
      <c r="C2640" s="39" t="s">
        <v>46</v>
      </c>
      <c r="D2640" s="45">
        <v>473</v>
      </c>
      <c r="E2640" s="46">
        <v>9.6999999999999993</v>
      </c>
      <c r="F2640" s="46">
        <v>25.8</v>
      </c>
      <c r="G2640" s="46">
        <v>16.3</v>
      </c>
      <c r="H2640" s="46">
        <v>25.8</v>
      </c>
      <c r="I2640" s="46">
        <v>10.6</v>
      </c>
      <c r="J2640" s="46">
        <v>3.2</v>
      </c>
      <c r="K2640" s="46">
        <v>8.6999999999999993</v>
      </c>
      <c r="L2640" s="46">
        <v>6.5</v>
      </c>
      <c r="M2640" s="58">
        <v>4</v>
      </c>
    </row>
    <row r="2641" spans="1:25" ht="21.6" x14ac:dyDescent="0.2">
      <c r="B2641" s="76"/>
      <c r="C2641" s="39" t="s">
        <v>47</v>
      </c>
      <c r="D2641" s="45">
        <v>441</v>
      </c>
      <c r="E2641" s="46">
        <v>3.6</v>
      </c>
      <c r="F2641" s="46">
        <v>17.7</v>
      </c>
      <c r="G2641" s="46">
        <v>13.8</v>
      </c>
      <c r="H2641" s="46">
        <v>25.2</v>
      </c>
      <c r="I2641" s="46">
        <v>15.9</v>
      </c>
      <c r="J2641" s="46">
        <v>9.5</v>
      </c>
      <c r="K2641" s="46">
        <v>14.3</v>
      </c>
      <c r="L2641" s="46">
        <v>9.5</v>
      </c>
      <c r="M2641" s="58">
        <v>7</v>
      </c>
    </row>
    <row r="2642" spans="1:25" ht="21.6" x14ac:dyDescent="0.2">
      <c r="B2642" s="76"/>
      <c r="C2642" s="39" t="s">
        <v>48</v>
      </c>
      <c r="D2642" s="45">
        <v>305</v>
      </c>
      <c r="E2642" s="46">
        <v>2</v>
      </c>
      <c r="F2642" s="46">
        <v>12.1</v>
      </c>
      <c r="G2642" s="46">
        <v>14.8</v>
      </c>
      <c r="H2642" s="46">
        <v>20.7</v>
      </c>
      <c r="I2642" s="46">
        <v>14.8</v>
      </c>
      <c r="J2642" s="46">
        <v>14.4</v>
      </c>
      <c r="K2642" s="46">
        <v>21.3</v>
      </c>
      <c r="L2642" s="46">
        <v>11.9</v>
      </c>
      <c r="M2642" s="58">
        <v>10</v>
      </c>
    </row>
    <row r="2643" spans="1:25" ht="21.6" x14ac:dyDescent="0.2">
      <c r="B2643" s="76"/>
      <c r="C2643" s="39" t="s">
        <v>49</v>
      </c>
      <c r="D2643" s="45">
        <v>223</v>
      </c>
      <c r="E2643" s="46">
        <v>1.8</v>
      </c>
      <c r="F2643" s="46">
        <v>11.7</v>
      </c>
      <c r="G2643" s="46">
        <v>13</v>
      </c>
      <c r="H2643" s="46">
        <v>22.9</v>
      </c>
      <c r="I2643" s="46">
        <v>11.7</v>
      </c>
      <c r="J2643" s="46">
        <v>14.3</v>
      </c>
      <c r="K2643" s="46">
        <v>24.7</v>
      </c>
      <c r="L2643" s="46">
        <v>12.8</v>
      </c>
      <c r="M2643" s="58">
        <v>10</v>
      </c>
    </row>
    <row r="2644" spans="1:25" ht="21.6" x14ac:dyDescent="0.2">
      <c r="B2644" s="76"/>
      <c r="C2644" s="39" t="s">
        <v>50</v>
      </c>
      <c r="D2644" s="45">
        <v>123</v>
      </c>
      <c r="E2644" s="46">
        <v>3.3</v>
      </c>
      <c r="F2644" s="46">
        <v>9.8000000000000007</v>
      </c>
      <c r="G2644" s="46">
        <v>14.6</v>
      </c>
      <c r="H2644" s="46">
        <v>24.4</v>
      </c>
      <c r="I2644" s="46">
        <v>9.8000000000000007</v>
      </c>
      <c r="J2644" s="46">
        <v>11.4</v>
      </c>
      <c r="K2644" s="46">
        <v>26.8</v>
      </c>
      <c r="L2644" s="46">
        <v>13.4</v>
      </c>
      <c r="M2644" s="58">
        <v>8</v>
      </c>
    </row>
    <row r="2645" spans="1:25" ht="21.6" x14ac:dyDescent="0.2">
      <c r="B2645" s="76"/>
      <c r="C2645" s="39" t="s">
        <v>51</v>
      </c>
      <c r="D2645" s="45">
        <v>124</v>
      </c>
      <c r="E2645" s="46">
        <v>0.8</v>
      </c>
      <c r="F2645" s="46">
        <v>15.3</v>
      </c>
      <c r="G2645" s="46">
        <v>12.1</v>
      </c>
      <c r="H2645" s="46">
        <v>16.100000000000001</v>
      </c>
      <c r="I2645" s="46">
        <v>11.3</v>
      </c>
      <c r="J2645" s="46">
        <v>12.9</v>
      </c>
      <c r="K2645" s="46">
        <v>31.5</v>
      </c>
      <c r="L2645" s="46">
        <v>14.2</v>
      </c>
      <c r="M2645" s="58">
        <v>12</v>
      </c>
    </row>
    <row r="2646" spans="1:25" ht="21.6" x14ac:dyDescent="0.2">
      <c r="B2646" s="76"/>
      <c r="C2646" s="39" t="s">
        <v>52</v>
      </c>
      <c r="D2646" s="45">
        <v>312</v>
      </c>
      <c r="E2646" s="46">
        <v>5.8</v>
      </c>
      <c r="F2646" s="46">
        <v>16.3</v>
      </c>
      <c r="G2646" s="46">
        <v>14.1</v>
      </c>
      <c r="H2646" s="46">
        <v>23.7</v>
      </c>
      <c r="I2646" s="46">
        <v>14.7</v>
      </c>
      <c r="J2646" s="46">
        <v>8.3000000000000007</v>
      </c>
      <c r="K2646" s="46">
        <v>17</v>
      </c>
      <c r="L2646" s="46">
        <v>9.5</v>
      </c>
      <c r="M2646" s="58">
        <v>6</v>
      </c>
    </row>
    <row r="2647" spans="1:25" x14ac:dyDescent="0.2">
      <c r="B2647" s="76"/>
      <c r="C2647" s="39" t="s">
        <v>53</v>
      </c>
      <c r="D2647" s="45">
        <v>269</v>
      </c>
      <c r="E2647" s="46">
        <v>5.2</v>
      </c>
      <c r="F2647" s="46">
        <v>19</v>
      </c>
      <c r="G2647" s="46">
        <v>17.8</v>
      </c>
      <c r="H2647" s="46">
        <v>26</v>
      </c>
      <c r="I2647" s="46">
        <v>16.399999999999999</v>
      </c>
      <c r="J2647" s="46">
        <v>7.4</v>
      </c>
      <c r="K2647" s="46">
        <v>8.1999999999999993</v>
      </c>
      <c r="L2647" s="46">
        <v>7.8</v>
      </c>
      <c r="M2647" s="58">
        <v>6</v>
      </c>
    </row>
    <row r="2648" spans="1:25" ht="21.6" x14ac:dyDescent="0.2">
      <c r="B2648" s="76"/>
      <c r="C2648" s="39" t="s">
        <v>54</v>
      </c>
      <c r="D2648" s="45">
        <v>511</v>
      </c>
      <c r="E2648" s="46">
        <v>4.0999999999999996</v>
      </c>
      <c r="F2648" s="46">
        <v>20</v>
      </c>
      <c r="G2648" s="46">
        <v>14.9</v>
      </c>
      <c r="H2648" s="46">
        <v>24.5</v>
      </c>
      <c r="I2648" s="46">
        <v>12.1</v>
      </c>
      <c r="J2648" s="46">
        <v>9.6</v>
      </c>
      <c r="K2648" s="46">
        <v>14.9</v>
      </c>
      <c r="L2648" s="46">
        <v>9.6</v>
      </c>
      <c r="M2648" s="58">
        <v>6</v>
      </c>
    </row>
    <row r="2649" spans="1:25" ht="21.6" x14ac:dyDescent="0.2">
      <c r="B2649" s="76"/>
      <c r="C2649" s="39" t="s">
        <v>55</v>
      </c>
      <c r="D2649" s="45">
        <v>615</v>
      </c>
      <c r="E2649" s="46">
        <v>2.4</v>
      </c>
      <c r="F2649" s="46">
        <v>15.1</v>
      </c>
      <c r="G2649" s="46">
        <v>11.4</v>
      </c>
      <c r="H2649" s="46">
        <v>22.3</v>
      </c>
      <c r="I2649" s="46">
        <v>13.2</v>
      </c>
      <c r="J2649" s="46">
        <v>11.1</v>
      </c>
      <c r="K2649" s="46">
        <v>24.6</v>
      </c>
      <c r="L2649" s="46">
        <v>12.3</v>
      </c>
      <c r="M2649" s="58">
        <v>9</v>
      </c>
    </row>
    <row r="2650" spans="1:25" ht="21.6" x14ac:dyDescent="0.2">
      <c r="B2650" s="76"/>
      <c r="C2650" s="39" t="s">
        <v>56</v>
      </c>
      <c r="D2650" s="45">
        <v>800</v>
      </c>
      <c r="E2650" s="46">
        <v>4.5</v>
      </c>
      <c r="F2650" s="46">
        <v>15</v>
      </c>
      <c r="G2650" s="46">
        <v>10.9</v>
      </c>
      <c r="H2650" s="46">
        <v>24.6</v>
      </c>
      <c r="I2650" s="46">
        <v>12.6</v>
      </c>
      <c r="J2650" s="46">
        <v>9</v>
      </c>
      <c r="K2650" s="46">
        <v>23.4</v>
      </c>
      <c r="L2650" s="46">
        <v>11.8</v>
      </c>
      <c r="M2650" s="58">
        <v>8</v>
      </c>
    </row>
    <row r="2651" spans="1:25" x14ac:dyDescent="0.2">
      <c r="B2651" s="76"/>
      <c r="C2651" s="40" t="s">
        <v>57</v>
      </c>
      <c r="D2651" s="48">
        <v>798</v>
      </c>
      <c r="E2651" s="49">
        <v>3.1</v>
      </c>
      <c r="F2651" s="49">
        <v>15.8</v>
      </c>
      <c r="G2651" s="49">
        <v>15</v>
      </c>
      <c r="H2651" s="49">
        <v>23.9</v>
      </c>
      <c r="I2651" s="49">
        <v>15.2</v>
      </c>
      <c r="J2651" s="49">
        <v>10.9</v>
      </c>
      <c r="K2651" s="49">
        <v>16</v>
      </c>
      <c r="L2651" s="49">
        <v>10.1</v>
      </c>
      <c r="M2651" s="59">
        <v>7</v>
      </c>
    </row>
    <row r="2653" spans="1:25" x14ac:dyDescent="0.2">
      <c r="C2653" t="s">
        <v>35</v>
      </c>
    </row>
    <row r="2654" spans="1:25" x14ac:dyDescent="0.2">
      <c r="B2654" s="74" t="s">
        <v>229</v>
      </c>
      <c r="C2654" s="75"/>
      <c r="D2654" s="75"/>
      <c r="E2654" s="75"/>
      <c r="F2654" s="75"/>
      <c r="G2654" s="75"/>
      <c r="H2654" s="75"/>
      <c r="I2654" s="75"/>
      <c r="J2654" s="75"/>
      <c r="K2654" s="75"/>
      <c r="L2654" s="75"/>
      <c r="M2654" s="75"/>
      <c r="N2654" s="75"/>
      <c r="O2654" s="75"/>
      <c r="P2654" s="75"/>
      <c r="Q2654" s="75"/>
      <c r="R2654" s="75"/>
      <c r="S2654" s="75"/>
      <c r="T2654" s="75"/>
      <c r="U2654" s="75"/>
      <c r="V2654" s="75"/>
      <c r="W2654" s="75"/>
      <c r="X2654" s="75"/>
      <c r="Y2654" s="75"/>
    </row>
    <row r="2655" spans="1:25" s="32" customFormat="1" ht="36.450000000000003" customHeight="1" x14ac:dyDescent="0.15">
      <c r="A2655" s="31"/>
      <c r="D2655" s="33" t="s">
        <v>242</v>
      </c>
      <c r="E2655" s="35" t="s">
        <v>411</v>
      </c>
      <c r="F2655" s="36" t="s">
        <v>412</v>
      </c>
      <c r="G2655" s="36" t="s">
        <v>413</v>
      </c>
      <c r="H2655" s="36" t="s">
        <v>414</v>
      </c>
      <c r="I2655" s="36" t="s">
        <v>415</v>
      </c>
      <c r="J2655" s="36" t="s">
        <v>416</v>
      </c>
      <c r="K2655" s="36" t="s">
        <v>417</v>
      </c>
      <c r="L2655" s="55" t="s">
        <v>362</v>
      </c>
      <c r="M2655" s="56" t="s">
        <v>363</v>
      </c>
      <c r="N2655" s="54" t="s">
        <v>251</v>
      </c>
    </row>
    <row r="2656" spans="1:25" ht="21.6" x14ac:dyDescent="0.2">
      <c r="B2656" s="76" t="s">
        <v>37</v>
      </c>
      <c r="C2656" s="38" t="s">
        <v>58</v>
      </c>
      <c r="D2656" s="51">
        <v>609</v>
      </c>
      <c r="E2656" s="52">
        <v>4.0999999999999996</v>
      </c>
      <c r="F2656" s="52">
        <v>17.2</v>
      </c>
      <c r="G2656" s="52">
        <v>11.3</v>
      </c>
      <c r="H2656" s="52">
        <v>26.3</v>
      </c>
      <c r="I2656" s="52">
        <v>13</v>
      </c>
      <c r="J2656" s="52">
        <v>8.9</v>
      </c>
      <c r="K2656" s="52">
        <v>19.2</v>
      </c>
      <c r="L2656" s="52">
        <v>10.6</v>
      </c>
      <c r="M2656" s="60">
        <v>7</v>
      </c>
    </row>
    <row r="2657" spans="2:13" ht="21.6" x14ac:dyDescent="0.2">
      <c r="B2657" s="76"/>
      <c r="C2657" s="39" t="s">
        <v>59</v>
      </c>
      <c r="D2657" s="45">
        <v>1391</v>
      </c>
      <c r="E2657" s="46">
        <v>6.3</v>
      </c>
      <c r="F2657" s="46">
        <v>19.899999999999999</v>
      </c>
      <c r="G2657" s="46">
        <v>15.5</v>
      </c>
      <c r="H2657" s="46">
        <v>22</v>
      </c>
      <c r="I2657" s="46">
        <v>12.8</v>
      </c>
      <c r="J2657" s="46">
        <v>8.6999999999999993</v>
      </c>
      <c r="K2657" s="46">
        <v>14.9</v>
      </c>
      <c r="L2657" s="46">
        <v>9.1999999999999993</v>
      </c>
      <c r="M2657" s="58">
        <v>6</v>
      </c>
    </row>
    <row r="2658" spans="2:13" x14ac:dyDescent="0.2">
      <c r="B2658" s="76"/>
      <c r="C2658" s="39" t="s">
        <v>60</v>
      </c>
      <c r="D2658" s="45">
        <v>1325</v>
      </c>
      <c r="E2658" s="46">
        <v>5.4</v>
      </c>
      <c r="F2658" s="46">
        <v>19.2</v>
      </c>
      <c r="G2658" s="46">
        <v>14.6</v>
      </c>
      <c r="H2658" s="46">
        <v>23.2</v>
      </c>
      <c r="I2658" s="46">
        <v>12.2</v>
      </c>
      <c r="J2658" s="46">
        <v>9</v>
      </c>
      <c r="K2658" s="46">
        <v>16.3</v>
      </c>
      <c r="L2658" s="46">
        <v>9.6</v>
      </c>
      <c r="M2658" s="58">
        <v>6</v>
      </c>
    </row>
    <row r="2659" spans="2:13" x14ac:dyDescent="0.2">
      <c r="B2659" s="76"/>
      <c r="C2659" s="39" t="s">
        <v>61</v>
      </c>
      <c r="D2659" s="45">
        <v>675</v>
      </c>
      <c r="E2659" s="46">
        <v>6.1</v>
      </c>
      <c r="F2659" s="46">
        <v>18.8</v>
      </c>
      <c r="G2659" s="46">
        <v>13.3</v>
      </c>
      <c r="H2659" s="46">
        <v>23.4</v>
      </c>
      <c r="I2659" s="46">
        <v>14.1</v>
      </c>
      <c r="J2659" s="46">
        <v>8.3000000000000007</v>
      </c>
      <c r="K2659" s="46">
        <v>16</v>
      </c>
      <c r="L2659" s="46">
        <v>9.6</v>
      </c>
      <c r="M2659" s="58">
        <v>6</v>
      </c>
    </row>
    <row r="2660" spans="2:13" x14ac:dyDescent="0.2">
      <c r="B2660" s="76"/>
      <c r="C2660" s="39" t="s">
        <v>62</v>
      </c>
      <c r="D2660" s="45">
        <v>1086</v>
      </c>
      <c r="E2660" s="46">
        <v>3.6</v>
      </c>
      <c r="F2660" s="46">
        <v>16.899999999999999</v>
      </c>
      <c r="G2660" s="46">
        <v>12</v>
      </c>
      <c r="H2660" s="46">
        <v>21</v>
      </c>
      <c r="I2660" s="46">
        <v>13.6</v>
      </c>
      <c r="J2660" s="46">
        <v>9.8000000000000007</v>
      </c>
      <c r="K2660" s="46">
        <v>23.1</v>
      </c>
      <c r="L2660" s="46">
        <v>11.7</v>
      </c>
      <c r="M2660" s="58">
        <v>8</v>
      </c>
    </row>
    <row r="2661" spans="2:13" ht="21.6" x14ac:dyDescent="0.2">
      <c r="B2661" s="76"/>
      <c r="C2661" s="39" t="s">
        <v>63</v>
      </c>
      <c r="D2661" s="45">
        <v>203</v>
      </c>
      <c r="E2661" s="46">
        <v>11.8</v>
      </c>
      <c r="F2661" s="46">
        <v>41.4</v>
      </c>
      <c r="G2661" s="46">
        <v>22.7</v>
      </c>
      <c r="H2661" s="46">
        <v>22.7</v>
      </c>
      <c r="I2661" s="46">
        <v>1.5</v>
      </c>
      <c r="J2661" s="46">
        <v>0</v>
      </c>
      <c r="K2661" s="46">
        <v>0</v>
      </c>
      <c r="L2661" s="46">
        <v>3</v>
      </c>
      <c r="M2661" s="58">
        <v>2</v>
      </c>
    </row>
    <row r="2662" spans="2:13" x14ac:dyDescent="0.2">
      <c r="B2662" s="76"/>
      <c r="C2662" s="39" t="s">
        <v>64</v>
      </c>
      <c r="D2662" s="45">
        <v>263</v>
      </c>
      <c r="E2662" s="46">
        <v>1.9</v>
      </c>
      <c r="F2662" s="46">
        <v>12.9</v>
      </c>
      <c r="G2662" s="46">
        <v>13.3</v>
      </c>
      <c r="H2662" s="46">
        <v>37.299999999999997</v>
      </c>
      <c r="I2662" s="46">
        <v>21.7</v>
      </c>
      <c r="J2662" s="46">
        <v>12.2</v>
      </c>
      <c r="K2662" s="46">
        <v>0.8</v>
      </c>
      <c r="L2662" s="46">
        <v>7.8</v>
      </c>
      <c r="M2662" s="58">
        <v>7</v>
      </c>
    </row>
    <row r="2663" spans="2:13" x14ac:dyDescent="0.2">
      <c r="B2663" s="76"/>
      <c r="C2663" s="39" t="s">
        <v>65</v>
      </c>
      <c r="D2663" s="45">
        <v>312</v>
      </c>
      <c r="E2663" s="46">
        <v>1.3</v>
      </c>
      <c r="F2663" s="46">
        <v>10.9</v>
      </c>
      <c r="G2663" s="46">
        <v>6.4</v>
      </c>
      <c r="H2663" s="46">
        <v>15.7</v>
      </c>
      <c r="I2663" s="46">
        <v>18.3</v>
      </c>
      <c r="J2663" s="46">
        <v>18.899999999999999</v>
      </c>
      <c r="K2663" s="46">
        <v>28.5</v>
      </c>
      <c r="L2663" s="46">
        <v>13.3</v>
      </c>
      <c r="M2663" s="58">
        <v>13</v>
      </c>
    </row>
    <row r="2664" spans="2:13" x14ac:dyDescent="0.2">
      <c r="B2664" s="76"/>
      <c r="C2664" s="39" t="s">
        <v>66</v>
      </c>
      <c r="D2664" s="45">
        <v>230</v>
      </c>
      <c r="E2664" s="46">
        <v>1.3</v>
      </c>
      <c r="F2664" s="46">
        <v>9.6</v>
      </c>
      <c r="G2664" s="46">
        <v>7</v>
      </c>
      <c r="H2664" s="46">
        <v>8.6999999999999993</v>
      </c>
      <c r="I2664" s="46">
        <v>10</v>
      </c>
      <c r="J2664" s="46">
        <v>4.8</v>
      </c>
      <c r="K2664" s="46">
        <v>58.7</v>
      </c>
      <c r="L2664" s="46">
        <v>20.6</v>
      </c>
      <c r="M2664" s="58">
        <v>25</v>
      </c>
    </row>
    <row r="2665" spans="2:13" x14ac:dyDescent="0.2">
      <c r="B2665" s="76"/>
      <c r="C2665" s="39" t="s">
        <v>67</v>
      </c>
      <c r="D2665" s="45">
        <v>78</v>
      </c>
      <c r="E2665" s="46">
        <v>3.8</v>
      </c>
      <c r="F2665" s="46">
        <v>12.8</v>
      </c>
      <c r="G2665" s="46">
        <v>16.7</v>
      </c>
      <c r="H2665" s="46">
        <v>19.2</v>
      </c>
      <c r="I2665" s="46">
        <v>10.3</v>
      </c>
      <c r="J2665" s="46">
        <v>5.0999999999999996</v>
      </c>
      <c r="K2665" s="46">
        <v>32.1</v>
      </c>
      <c r="L2665" s="46">
        <v>14.7</v>
      </c>
      <c r="M2665" s="58">
        <v>8</v>
      </c>
    </row>
    <row r="2666" spans="2:13" x14ac:dyDescent="0.2">
      <c r="B2666" s="76"/>
      <c r="C2666" s="39" t="s">
        <v>68</v>
      </c>
      <c r="D2666" s="45">
        <v>897</v>
      </c>
      <c r="E2666" s="46">
        <v>2.2000000000000002</v>
      </c>
      <c r="F2666" s="46">
        <v>14</v>
      </c>
      <c r="G2666" s="46">
        <v>10.3</v>
      </c>
      <c r="H2666" s="46">
        <v>21.1</v>
      </c>
      <c r="I2666" s="46">
        <v>14.3</v>
      </c>
      <c r="J2666" s="46">
        <v>11.5</v>
      </c>
      <c r="K2666" s="46">
        <v>26.6</v>
      </c>
      <c r="L2666" s="46">
        <v>12.9</v>
      </c>
      <c r="M2666" s="58">
        <v>10</v>
      </c>
    </row>
    <row r="2667" spans="2:13" x14ac:dyDescent="0.2">
      <c r="B2667" s="76"/>
      <c r="C2667" s="39" t="s">
        <v>69</v>
      </c>
      <c r="D2667" s="45">
        <v>189</v>
      </c>
      <c r="E2667" s="46">
        <v>10.1</v>
      </c>
      <c r="F2667" s="46">
        <v>30.7</v>
      </c>
      <c r="G2667" s="46">
        <v>20.100000000000001</v>
      </c>
      <c r="H2667" s="46">
        <v>20.6</v>
      </c>
      <c r="I2667" s="46">
        <v>10.6</v>
      </c>
      <c r="J2667" s="46">
        <v>1.6</v>
      </c>
      <c r="K2667" s="46">
        <v>6.3</v>
      </c>
      <c r="L2667" s="46">
        <v>6</v>
      </c>
      <c r="M2667" s="58">
        <v>3</v>
      </c>
    </row>
    <row r="2668" spans="2:13" x14ac:dyDescent="0.2">
      <c r="B2668" s="76"/>
      <c r="C2668" s="39" t="s">
        <v>70</v>
      </c>
      <c r="D2668" s="45">
        <v>914</v>
      </c>
      <c r="E2668" s="46">
        <v>8</v>
      </c>
      <c r="F2668" s="46">
        <v>21.7</v>
      </c>
      <c r="G2668" s="46">
        <v>16.8</v>
      </c>
      <c r="H2668" s="46">
        <v>26</v>
      </c>
      <c r="I2668" s="46">
        <v>11.9</v>
      </c>
      <c r="J2668" s="46">
        <v>7.5</v>
      </c>
      <c r="K2668" s="46">
        <v>8</v>
      </c>
      <c r="L2668" s="46">
        <v>7.2</v>
      </c>
      <c r="M2668" s="58">
        <v>5</v>
      </c>
    </row>
    <row r="2669" spans="2:13" ht="21.6" x14ac:dyDescent="0.2">
      <c r="B2669" s="76"/>
      <c r="C2669" s="39" t="s">
        <v>63</v>
      </c>
      <c r="D2669" s="45">
        <v>193</v>
      </c>
      <c r="E2669" s="46">
        <v>17.100000000000001</v>
      </c>
      <c r="F2669" s="46">
        <v>42</v>
      </c>
      <c r="G2669" s="46">
        <v>20.2</v>
      </c>
      <c r="H2669" s="46">
        <v>20.2</v>
      </c>
      <c r="I2669" s="46">
        <v>0.5</v>
      </c>
      <c r="J2669" s="46">
        <v>0</v>
      </c>
      <c r="K2669" s="46">
        <v>0</v>
      </c>
      <c r="L2669" s="46">
        <v>2.4</v>
      </c>
      <c r="M2669" s="58">
        <v>2</v>
      </c>
    </row>
    <row r="2670" spans="2:13" x14ac:dyDescent="0.2">
      <c r="B2670" s="76"/>
      <c r="C2670" s="39" t="s">
        <v>64</v>
      </c>
      <c r="D2670" s="45">
        <v>203</v>
      </c>
      <c r="E2670" s="46">
        <v>5.9</v>
      </c>
      <c r="F2670" s="46">
        <v>21.2</v>
      </c>
      <c r="G2670" s="46">
        <v>17.7</v>
      </c>
      <c r="H2670" s="46">
        <v>32.5</v>
      </c>
      <c r="I2670" s="46">
        <v>15.8</v>
      </c>
      <c r="J2670" s="46">
        <v>6.4</v>
      </c>
      <c r="K2670" s="46">
        <v>0.5</v>
      </c>
      <c r="L2670" s="46">
        <v>6</v>
      </c>
      <c r="M2670" s="58">
        <v>5</v>
      </c>
    </row>
    <row r="2671" spans="2:13" x14ac:dyDescent="0.2">
      <c r="B2671" s="76"/>
      <c r="C2671" s="39" t="s">
        <v>65</v>
      </c>
      <c r="D2671" s="45">
        <v>263</v>
      </c>
      <c r="E2671" s="46">
        <v>7.6</v>
      </c>
      <c r="F2671" s="46">
        <v>17.899999999999999</v>
      </c>
      <c r="G2671" s="46">
        <v>16.7</v>
      </c>
      <c r="H2671" s="46">
        <v>24.3</v>
      </c>
      <c r="I2671" s="46">
        <v>13.7</v>
      </c>
      <c r="J2671" s="46">
        <v>10.6</v>
      </c>
      <c r="K2671" s="46">
        <v>9.1</v>
      </c>
      <c r="L2671" s="46">
        <v>7.8</v>
      </c>
      <c r="M2671" s="58">
        <v>6</v>
      </c>
    </row>
    <row r="2672" spans="2:13" x14ac:dyDescent="0.2">
      <c r="B2672" s="76"/>
      <c r="C2672" s="39" t="s">
        <v>66</v>
      </c>
      <c r="D2672" s="45">
        <v>194</v>
      </c>
      <c r="E2672" s="46">
        <v>3.6</v>
      </c>
      <c r="F2672" s="46">
        <v>10.3</v>
      </c>
      <c r="G2672" s="46">
        <v>12.4</v>
      </c>
      <c r="H2672" s="46">
        <v>28.9</v>
      </c>
      <c r="I2672" s="46">
        <v>17</v>
      </c>
      <c r="J2672" s="46">
        <v>11.3</v>
      </c>
      <c r="K2672" s="46">
        <v>16.5</v>
      </c>
      <c r="L2672" s="46">
        <v>10.6</v>
      </c>
      <c r="M2672" s="58">
        <v>8</v>
      </c>
    </row>
    <row r="2673" spans="1:25" x14ac:dyDescent="0.2">
      <c r="B2673" s="76"/>
      <c r="C2673" s="39" t="s">
        <v>67</v>
      </c>
      <c r="D2673" s="45">
        <v>61</v>
      </c>
      <c r="E2673" s="46">
        <v>1.6</v>
      </c>
      <c r="F2673" s="46">
        <v>11.5</v>
      </c>
      <c r="G2673" s="46">
        <v>18</v>
      </c>
      <c r="H2673" s="46">
        <v>21.3</v>
      </c>
      <c r="I2673" s="46">
        <v>11.5</v>
      </c>
      <c r="J2673" s="46">
        <v>9.8000000000000007</v>
      </c>
      <c r="K2673" s="46">
        <v>26.2</v>
      </c>
      <c r="L2673" s="46">
        <v>12.4</v>
      </c>
      <c r="M2673" s="58">
        <v>9</v>
      </c>
    </row>
    <row r="2674" spans="1:25" x14ac:dyDescent="0.2">
      <c r="B2674" s="76"/>
      <c r="C2674" s="39" t="s">
        <v>68</v>
      </c>
      <c r="D2674" s="45">
        <v>416</v>
      </c>
      <c r="E2674" s="46">
        <v>4.5999999999999996</v>
      </c>
      <c r="F2674" s="46">
        <v>15.6</v>
      </c>
      <c r="G2674" s="46">
        <v>17.100000000000001</v>
      </c>
      <c r="H2674" s="46">
        <v>28.1</v>
      </c>
      <c r="I2674" s="46">
        <v>12.3</v>
      </c>
      <c r="J2674" s="46">
        <v>9.4</v>
      </c>
      <c r="K2674" s="46">
        <v>13</v>
      </c>
      <c r="L2674" s="46">
        <v>8.9</v>
      </c>
      <c r="M2674" s="58">
        <v>6</v>
      </c>
    </row>
    <row r="2675" spans="1:25" x14ac:dyDescent="0.2">
      <c r="B2675" s="76"/>
      <c r="C2675" s="40" t="s">
        <v>69</v>
      </c>
      <c r="D2675" s="48">
        <v>498</v>
      </c>
      <c r="E2675" s="49">
        <v>10.8</v>
      </c>
      <c r="F2675" s="49">
        <v>26.7</v>
      </c>
      <c r="G2675" s="49">
        <v>16.7</v>
      </c>
      <c r="H2675" s="49">
        <v>24.3</v>
      </c>
      <c r="I2675" s="49">
        <v>11.6</v>
      </c>
      <c r="J2675" s="49">
        <v>6</v>
      </c>
      <c r="K2675" s="49">
        <v>3.8</v>
      </c>
      <c r="L2675" s="49">
        <v>5.7</v>
      </c>
      <c r="M2675" s="59">
        <v>4</v>
      </c>
    </row>
    <row r="2677" spans="1:25" x14ac:dyDescent="0.2">
      <c r="A2677" s="26" t="s">
        <v>25</v>
      </c>
      <c r="B2677" t="s">
        <v>35</v>
      </c>
      <c r="C2677" t="s">
        <v>35</v>
      </c>
    </row>
    <row r="2678" spans="1:25" x14ac:dyDescent="0.2">
      <c r="B2678" s="74" t="s">
        <v>158</v>
      </c>
      <c r="C2678" s="75"/>
      <c r="D2678" s="75"/>
      <c r="E2678" s="75"/>
      <c r="F2678" s="75"/>
      <c r="G2678" s="75"/>
      <c r="H2678" s="75"/>
      <c r="I2678" s="75"/>
      <c r="J2678" s="75"/>
      <c r="K2678" s="75"/>
      <c r="L2678" s="75"/>
      <c r="M2678" s="75"/>
      <c r="N2678" s="75"/>
      <c r="O2678" s="75"/>
      <c r="P2678" s="75"/>
      <c r="Q2678" s="75"/>
      <c r="R2678" s="75"/>
      <c r="S2678" s="75"/>
      <c r="T2678" s="75"/>
      <c r="U2678" s="75"/>
      <c r="V2678" s="75"/>
      <c r="W2678" s="75"/>
      <c r="X2678" s="75"/>
      <c r="Y2678" s="75"/>
    </row>
    <row r="2679" spans="1:25" s="32" customFormat="1" ht="58.05" customHeight="1" x14ac:dyDescent="0.15">
      <c r="A2679" s="31"/>
      <c r="D2679" s="33" t="s">
        <v>242</v>
      </c>
      <c r="E2679" s="35" t="s">
        <v>418</v>
      </c>
      <c r="F2679" s="36" t="s">
        <v>419</v>
      </c>
      <c r="G2679" s="36" t="s">
        <v>420</v>
      </c>
      <c r="H2679" s="36" t="s">
        <v>421</v>
      </c>
      <c r="I2679" s="36" t="s">
        <v>422</v>
      </c>
      <c r="J2679" s="36" t="s">
        <v>423</v>
      </c>
      <c r="K2679" s="36" t="s">
        <v>424</v>
      </c>
      <c r="L2679" s="37" t="s">
        <v>425</v>
      </c>
      <c r="M2679" s="34" t="s">
        <v>251</v>
      </c>
    </row>
    <row r="2680" spans="1:25" x14ac:dyDescent="0.2">
      <c r="B2680" s="5"/>
      <c r="C2680" s="41" t="s">
        <v>38</v>
      </c>
      <c r="D2680" s="42">
        <v>2000</v>
      </c>
      <c r="E2680" s="43">
        <v>14.3</v>
      </c>
      <c r="F2680" s="43">
        <v>10.5</v>
      </c>
      <c r="G2680" s="43">
        <v>7.8</v>
      </c>
      <c r="H2680" s="43">
        <v>17.600000000000001</v>
      </c>
      <c r="I2680" s="43">
        <v>23.6</v>
      </c>
      <c r="J2680" s="43">
        <v>13.8</v>
      </c>
      <c r="K2680" s="43">
        <v>7.1</v>
      </c>
      <c r="L2680" s="44">
        <v>5.5</v>
      </c>
    </row>
    <row r="2681" spans="1:25" x14ac:dyDescent="0.2">
      <c r="B2681" s="76" t="s">
        <v>37</v>
      </c>
      <c r="C2681" s="39" t="s">
        <v>39</v>
      </c>
      <c r="D2681" s="45">
        <v>111</v>
      </c>
      <c r="E2681" s="46">
        <v>5.4</v>
      </c>
      <c r="F2681" s="46">
        <v>7.2</v>
      </c>
      <c r="G2681" s="46">
        <v>8.1</v>
      </c>
      <c r="H2681" s="46">
        <v>17.100000000000001</v>
      </c>
      <c r="I2681" s="46">
        <v>27</v>
      </c>
      <c r="J2681" s="46">
        <v>17.100000000000001</v>
      </c>
      <c r="K2681" s="46">
        <v>9.9</v>
      </c>
      <c r="L2681" s="47">
        <v>8.1</v>
      </c>
    </row>
    <row r="2682" spans="1:25" x14ac:dyDescent="0.2">
      <c r="B2682" s="76"/>
      <c r="C2682" s="39" t="s">
        <v>40</v>
      </c>
      <c r="D2682" s="45">
        <v>450</v>
      </c>
      <c r="E2682" s="46">
        <v>7.1</v>
      </c>
      <c r="F2682" s="46">
        <v>6.9</v>
      </c>
      <c r="G2682" s="46">
        <v>6.4</v>
      </c>
      <c r="H2682" s="46">
        <v>17.8</v>
      </c>
      <c r="I2682" s="46">
        <v>30.4</v>
      </c>
      <c r="J2682" s="46">
        <v>16</v>
      </c>
      <c r="K2682" s="46">
        <v>10</v>
      </c>
      <c r="L2682" s="47">
        <v>5.3</v>
      </c>
    </row>
    <row r="2683" spans="1:25" ht="21.6" x14ac:dyDescent="0.2">
      <c r="B2683" s="76"/>
      <c r="C2683" s="39" t="s">
        <v>41</v>
      </c>
      <c r="D2683" s="45">
        <v>30</v>
      </c>
      <c r="E2683" s="46">
        <v>23.3</v>
      </c>
      <c r="F2683" s="46">
        <v>10</v>
      </c>
      <c r="G2683" s="46">
        <v>6.7</v>
      </c>
      <c r="H2683" s="46">
        <v>20</v>
      </c>
      <c r="I2683" s="46">
        <v>26.7</v>
      </c>
      <c r="J2683" s="46">
        <v>10</v>
      </c>
      <c r="K2683" s="46">
        <v>0</v>
      </c>
      <c r="L2683" s="47">
        <v>3.3</v>
      </c>
    </row>
    <row r="2684" spans="1:25" ht="21.6" x14ac:dyDescent="0.2">
      <c r="B2684" s="76"/>
      <c r="C2684" s="39" t="s">
        <v>42</v>
      </c>
      <c r="D2684" s="45">
        <v>336</v>
      </c>
      <c r="E2684" s="46">
        <v>8</v>
      </c>
      <c r="F2684" s="46">
        <v>7.7</v>
      </c>
      <c r="G2684" s="46">
        <v>6</v>
      </c>
      <c r="H2684" s="46">
        <v>16.399999999999999</v>
      </c>
      <c r="I2684" s="46">
        <v>23.8</v>
      </c>
      <c r="J2684" s="46">
        <v>18.5</v>
      </c>
      <c r="K2684" s="46">
        <v>11.6</v>
      </c>
      <c r="L2684" s="47">
        <v>8</v>
      </c>
    </row>
    <row r="2685" spans="1:25" ht="21.6" x14ac:dyDescent="0.2">
      <c r="B2685" s="76"/>
      <c r="C2685" s="39" t="s">
        <v>43</v>
      </c>
      <c r="D2685" s="45">
        <v>327</v>
      </c>
      <c r="E2685" s="46">
        <v>25.4</v>
      </c>
      <c r="F2685" s="46">
        <v>15.3</v>
      </c>
      <c r="G2685" s="46">
        <v>9.1999999999999993</v>
      </c>
      <c r="H2685" s="46">
        <v>14.1</v>
      </c>
      <c r="I2685" s="46">
        <v>17.100000000000001</v>
      </c>
      <c r="J2685" s="46">
        <v>9.5</v>
      </c>
      <c r="K2685" s="46">
        <v>4.3</v>
      </c>
      <c r="L2685" s="47">
        <v>5.2</v>
      </c>
    </row>
    <row r="2686" spans="1:25" ht="21.6" x14ac:dyDescent="0.2">
      <c r="B2686" s="76"/>
      <c r="C2686" s="39" t="s">
        <v>44</v>
      </c>
      <c r="D2686" s="45">
        <v>181</v>
      </c>
      <c r="E2686" s="46">
        <v>8.3000000000000007</v>
      </c>
      <c r="F2686" s="46">
        <v>7.7</v>
      </c>
      <c r="G2686" s="46">
        <v>7.7</v>
      </c>
      <c r="H2686" s="46">
        <v>27.6</v>
      </c>
      <c r="I2686" s="46">
        <v>29.8</v>
      </c>
      <c r="J2686" s="46">
        <v>9.4</v>
      </c>
      <c r="K2686" s="46">
        <v>3.3</v>
      </c>
      <c r="L2686" s="47">
        <v>6.1</v>
      </c>
    </row>
    <row r="2687" spans="1:25" ht="21.6" x14ac:dyDescent="0.2">
      <c r="B2687" s="76"/>
      <c r="C2687" s="39" t="s">
        <v>45</v>
      </c>
      <c r="D2687" s="45">
        <v>565</v>
      </c>
      <c r="E2687" s="46">
        <v>20.5</v>
      </c>
      <c r="F2687" s="46">
        <v>13.6</v>
      </c>
      <c r="G2687" s="46">
        <v>9</v>
      </c>
      <c r="H2687" s="46">
        <v>17</v>
      </c>
      <c r="I2687" s="46">
        <v>18.899999999999999</v>
      </c>
      <c r="J2687" s="46">
        <v>12.6</v>
      </c>
      <c r="K2687" s="46">
        <v>4.5999999999999996</v>
      </c>
      <c r="L2687" s="47">
        <v>3.7</v>
      </c>
    </row>
    <row r="2688" spans="1:25" ht="21.6" x14ac:dyDescent="0.2">
      <c r="B2688" s="76"/>
      <c r="C2688" s="39" t="s">
        <v>46</v>
      </c>
      <c r="D2688" s="45">
        <v>473</v>
      </c>
      <c r="E2688" s="46">
        <v>18.600000000000001</v>
      </c>
      <c r="F2688" s="46">
        <v>14.8</v>
      </c>
      <c r="G2688" s="46">
        <v>9.3000000000000007</v>
      </c>
      <c r="H2688" s="46">
        <v>17.8</v>
      </c>
      <c r="I2688" s="46">
        <v>20.100000000000001</v>
      </c>
      <c r="J2688" s="46">
        <v>11</v>
      </c>
      <c r="K2688" s="46">
        <v>4.7</v>
      </c>
      <c r="L2688" s="47">
        <v>3.8</v>
      </c>
    </row>
    <row r="2689" spans="2:25" ht="21.6" x14ac:dyDescent="0.2">
      <c r="B2689" s="76"/>
      <c r="C2689" s="39" t="s">
        <v>47</v>
      </c>
      <c r="D2689" s="45">
        <v>441</v>
      </c>
      <c r="E2689" s="46">
        <v>14.5</v>
      </c>
      <c r="F2689" s="46">
        <v>8.4</v>
      </c>
      <c r="G2689" s="46">
        <v>8.6</v>
      </c>
      <c r="H2689" s="46">
        <v>17.5</v>
      </c>
      <c r="I2689" s="46">
        <v>20.2</v>
      </c>
      <c r="J2689" s="46">
        <v>15.6</v>
      </c>
      <c r="K2689" s="46">
        <v>8.4</v>
      </c>
      <c r="L2689" s="47">
        <v>6.8</v>
      </c>
    </row>
    <row r="2690" spans="2:25" ht="21.6" x14ac:dyDescent="0.2">
      <c r="B2690" s="76"/>
      <c r="C2690" s="39" t="s">
        <v>48</v>
      </c>
      <c r="D2690" s="45">
        <v>305</v>
      </c>
      <c r="E2690" s="46">
        <v>10.8</v>
      </c>
      <c r="F2690" s="46">
        <v>6.6</v>
      </c>
      <c r="G2690" s="46">
        <v>7.9</v>
      </c>
      <c r="H2690" s="46">
        <v>19.3</v>
      </c>
      <c r="I2690" s="46">
        <v>27.9</v>
      </c>
      <c r="J2690" s="46">
        <v>16.399999999999999</v>
      </c>
      <c r="K2690" s="46">
        <v>5.9</v>
      </c>
      <c r="L2690" s="47">
        <v>5.2</v>
      </c>
    </row>
    <row r="2691" spans="2:25" ht="21.6" x14ac:dyDescent="0.2">
      <c r="B2691" s="76"/>
      <c r="C2691" s="39" t="s">
        <v>49</v>
      </c>
      <c r="D2691" s="45">
        <v>223</v>
      </c>
      <c r="E2691" s="46">
        <v>7.6</v>
      </c>
      <c r="F2691" s="46">
        <v>9.4</v>
      </c>
      <c r="G2691" s="46">
        <v>2.7</v>
      </c>
      <c r="H2691" s="46">
        <v>19.3</v>
      </c>
      <c r="I2691" s="46">
        <v>30.5</v>
      </c>
      <c r="J2691" s="46">
        <v>13.9</v>
      </c>
      <c r="K2691" s="46">
        <v>10.3</v>
      </c>
      <c r="L2691" s="47">
        <v>6.3</v>
      </c>
    </row>
    <row r="2692" spans="2:25" ht="21.6" x14ac:dyDescent="0.2">
      <c r="B2692" s="76"/>
      <c r="C2692" s="39" t="s">
        <v>50</v>
      </c>
      <c r="D2692" s="45">
        <v>123</v>
      </c>
      <c r="E2692" s="46">
        <v>10.6</v>
      </c>
      <c r="F2692" s="46">
        <v>8.1</v>
      </c>
      <c r="G2692" s="46">
        <v>4.0999999999999996</v>
      </c>
      <c r="H2692" s="46">
        <v>13.8</v>
      </c>
      <c r="I2692" s="46">
        <v>24.4</v>
      </c>
      <c r="J2692" s="46">
        <v>19.5</v>
      </c>
      <c r="K2692" s="46">
        <v>12.2</v>
      </c>
      <c r="L2692" s="47">
        <v>7.3</v>
      </c>
    </row>
    <row r="2693" spans="2:25" ht="21.6" x14ac:dyDescent="0.2">
      <c r="B2693" s="76"/>
      <c r="C2693" s="39" t="s">
        <v>51</v>
      </c>
      <c r="D2693" s="45">
        <v>124</v>
      </c>
      <c r="E2693" s="46">
        <v>10.5</v>
      </c>
      <c r="F2693" s="46">
        <v>5.6</v>
      </c>
      <c r="G2693" s="46">
        <v>7.3</v>
      </c>
      <c r="H2693" s="46">
        <v>12.1</v>
      </c>
      <c r="I2693" s="46">
        <v>29.8</v>
      </c>
      <c r="J2693" s="46">
        <v>17.7</v>
      </c>
      <c r="K2693" s="46">
        <v>9.6999999999999993</v>
      </c>
      <c r="L2693" s="47">
        <v>7.3</v>
      </c>
    </row>
    <row r="2694" spans="2:25" ht="21.6" x14ac:dyDescent="0.2">
      <c r="B2694" s="76"/>
      <c r="C2694" s="39" t="s">
        <v>52</v>
      </c>
      <c r="D2694" s="45">
        <v>312</v>
      </c>
      <c r="E2694" s="46">
        <v>19.899999999999999</v>
      </c>
      <c r="F2694" s="46">
        <v>11.5</v>
      </c>
      <c r="G2694" s="46">
        <v>10.3</v>
      </c>
      <c r="H2694" s="46">
        <v>17.899999999999999</v>
      </c>
      <c r="I2694" s="46">
        <v>19.600000000000001</v>
      </c>
      <c r="J2694" s="46">
        <v>11.5</v>
      </c>
      <c r="K2694" s="46">
        <v>5.0999999999999996</v>
      </c>
      <c r="L2694" s="47">
        <v>4.2</v>
      </c>
    </row>
    <row r="2695" spans="2:25" x14ac:dyDescent="0.2">
      <c r="B2695" s="76"/>
      <c r="C2695" s="39" t="s">
        <v>53</v>
      </c>
      <c r="D2695" s="45">
        <v>269</v>
      </c>
      <c r="E2695" s="46">
        <v>14.5</v>
      </c>
      <c r="F2695" s="46">
        <v>14.5</v>
      </c>
      <c r="G2695" s="46">
        <v>9.6999999999999993</v>
      </c>
      <c r="H2695" s="46">
        <v>16.7</v>
      </c>
      <c r="I2695" s="46">
        <v>19.3</v>
      </c>
      <c r="J2695" s="46">
        <v>11.9</v>
      </c>
      <c r="K2695" s="46">
        <v>7.4</v>
      </c>
      <c r="L2695" s="47">
        <v>5.9</v>
      </c>
    </row>
    <row r="2696" spans="2:25" ht="21.6" x14ac:dyDescent="0.2">
      <c r="B2696" s="76"/>
      <c r="C2696" s="39" t="s">
        <v>54</v>
      </c>
      <c r="D2696" s="45">
        <v>511</v>
      </c>
      <c r="E2696" s="46">
        <v>9.6</v>
      </c>
      <c r="F2696" s="46">
        <v>6.8</v>
      </c>
      <c r="G2696" s="46">
        <v>6.8</v>
      </c>
      <c r="H2696" s="46">
        <v>16</v>
      </c>
      <c r="I2696" s="46">
        <v>30.7</v>
      </c>
      <c r="J2696" s="46">
        <v>15.3</v>
      </c>
      <c r="K2696" s="46">
        <v>8.4</v>
      </c>
      <c r="L2696" s="47">
        <v>6.3</v>
      </c>
    </row>
    <row r="2697" spans="2:25" ht="21.6" x14ac:dyDescent="0.2">
      <c r="B2697" s="76"/>
      <c r="C2697" s="39" t="s">
        <v>55</v>
      </c>
      <c r="D2697" s="45">
        <v>615</v>
      </c>
      <c r="E2697" s="46">
        <v>8.5</v>
      </c>
      <c r="F2697" s="46">
        <v>7.3</v>
      </c>
      <c r="G2697" s="46">
        <v>5.4</v>
      </c>
      <c r="H2697" s="46">
        <v>21</v>
      </c>
      <c r="I2697" s="46">
        <v>25</v>
      </c>
      <c r="J2697" s="46">
        <v>17.899999999999999</v>
      </c>
      <c r="K2697" s="46">
        <v>8.6</v>
      </c>
      <c r="L2697" s="47">
        <v>6.3</v>
      </c>
    </row>
    <row r="2698" spans="2:25" ht="21.6" x14ac:dyDescent="0.2">
      <c r="B2698" s="76"/>
      <c r="C2698" s="39" t="s">
        <v>56</v>
      </c>
      <c r="D2698" s="45">
        <v>800</v>
      </c>
      <c r="E2698" s="46">
        <v>10.4</v>
      </c>
      <c r="F2698" s="46">
        <v>9</v>
      </c>
      <c r="G2698" s="46">
        <v>7.5</v>
      </c>
      <c r="H2698" s="46">
        <v>18.600000000000001</v>
      </c>
      <c r="I2698" s="46">
        <v>24.3</v>
      </c>
      <c r="J2698" s="46">
        <v>15.9</v>
      </c>
      <c r="K2698" s="46">
        <v>7.9</v>
      </c>
      <c r="L2698" s="47">
        <v>6.5</v>
      </c>
    </row>
    <row r="2699" spans="2:25" x14ac:dyDescent="0.2">
      <c r="B2699" s="76"/>
      <c r="C2699" s="40" t="s">
        <v>57</v>
      </c>
      <c r="D2699" s="48">
        <v>798</v>
      </c>
      <c r="E2699" s="49">
        <v>11.3</v>
      </c>
      <c r="F2699" s="49">
        <v>8.5</v>
      </c>
      <c r="G2699" s="49">
        <v>7</v>
      </c>
      <c r="H2699" s="49">
        <v>17.899999999999999</v>
      </c>
      <c r="I2699" s="49">
        <v>26.3</v>
      </c>
      <c r="J2699" s="49">
        <v>15.8</v>
      </c>
      <c r="K2699" s="49">
        <v>7.3</v>
      </c>
      <c r="L2699" s="50">
        <v>5.9</v>
      </c>
    </row>
    <row r="2700" spans="2:25" x14ac:dyDescent="0.2">
      <c r="B2700" s="7" t="s">
        <v>71</v>
      </c>
      <c r="C2700" s="4" t="s">
        <v>159</v>
      </c>
    </row>
    <row r="2701" spans="2:25" x14ac:dyDescent="0.2">
      <c r="B2701" s="4"/>
      <c r="C2701" s="4" t="s">
        <v>73</v>
      </c>
    </row>
    <row r="2703" spans="2:25" x14ac:dyDescent="0.2">
      <c r="C2703" t="s">
        <v>35</v>
      </c>
    </row>
    <row r="2704" spans="2:25" x14ac:dyDescent="0.2">
      <c r="B2704" s="74" t="s">
        <v>230</v>
      </c>
      <c r="C2704" s="75"/>
      <c r="D2704" s="75"/>
      <c r="E2704" s="75"/>
      <c r="F2704" s="75"/>
      <c r="G2704" s="75"/>
      <c r="H2704" s="75"/>
      <c r="I2704" s="75"/>
      <c r="J2704" s="75"/>
      <c r="K2704" s="75"/>
      <c r="L2704" s="75"/>
      <c r="M2704" s="75"/>
      <c r="N2704" s="75"/>
      <c r="O2704" s="75"/>
      <c r="P2704" s="75"/>
      <c r="Q2704" s="75"/>
      <c r="R2704" s="75"/>
      <c r="S2704" s="75"/>
      <c r="T2704" s="75"/>
      <c r="U2704" s="75"/>
      <c r="V2704" s="75"/>
      <c r="W2704" s="75"/>
      <c r="X2704" s="75"/>
      <c r="Y2704" s="75"/>
    </row>
    <row r="2705" spans="1:13" s="32" customFormat="1" ht="58.05" customHeight="1" x14ac:dyDescent="0.15">
      <c r="A2705" s="31"/>
      <c r="D2705" s="33" t="s">
        <v>242</v>
      </c>
      <c r="E2705" s="35" t="s">
        <v>418</v>
      </c>
      <c r="F2705" s="36" t="s">
        <v>419</v>
      </c>
      <c r="G2705" s="36" t="s">
        <v>420</v>
      </c>
      <c r="H2705" s="36" t="s">
        <v>421</v>
      </c>
      <c r="I2705" s="36" t="s">
        <v>422</v>
      </c>
      <c r="J2705" s="36" t="s">
        <v>423</v>
      </c>
      <c r="K2705" s="36" t="s">
        <v>424</v>
      </c>
      <c r="L2705" s="37" t="s">
        <v>425</v>
      </c>
      <c r="M2705" s="34" t="s">
        <v>251</v>
      </c>
    </row>
    <row r="2706" spans="1:13" ht="21.6" x14ac:dyDescent="0.2">
      <c r="B2706" s="76" t="s">
        <v>37</v>
      </c>
      <c r="C2706" s="38" t="s">
        <v>58</v>
      </c>
      <c r="D2706" s="51">
        <v>609</v>
      </c>
      <c r="E2706" s="52">
        <v>10</v>
      </c>
      <c r="F2706" s="52">
        <v>9.9</v>
      </c>
      <c r="G2706" s="52">
        <v>8.4</v>
      </c>
      <c r="H2706" s="52">
        <v>18.899999999999999</v>
      </c>
      <c r="I2706" s="52">
        <v>21.5</v>
      </c>
      <c r="J2706" s="52">
        <v>17.100000000000001</v>
      </c>
      <c r="K2706" s="52">
        <v>8.4</v>
      </c>
      <c r="L2706" s="53">
        <v>5.9</v>
      </c>
    </row>
    <row r="2707" spans="1:13" ht="21.6" x14ac:dyDescent="0.2">
      <c r="B2707" s="76"/>
      <c r="C2707" s="39" t="s">
        <v>59</v>
      </c>
      <c r="D2707" s="45">
        <v>1391</v>
      </c>
      <c r="E2707" s="46">
        <v>16.2</v>
      </c>
      <c r="F2707" s="46">
        <v>10.7</v>
      </c>
      <c r="G2707" s="46">
        <v>7.5</v>
      </c>
      <c r="H2707" s="46">
        <v>17</v>
      </c>
      <c r="I2707" s="46">
        <v>24.5</v>
      </c>
      <c r="J2707" s="46">
        <v>12.3</v>
      </c>
      <c r="K2707" s="46">
        <v>6.5</v>
      </c>
      <c r="L2707" s="47">
        <v>5.3</v>
      </c>
    </row>
    <row r="2708" spans="1:13" x14ac:dyDescent="0.2">
      <c r="B2708" s="76"/>
      <c r="C2708" s="39" t="s">
        <v>60</v>
      </c>
      <c r="D2708" s="45">
        <v>1325</v>
      </c>
      <c r="E2708" s="46">
        <v>13.7</v>
      </c>
      <c r="F2708" s="46">
        <v>8.8000000000000007</v>
      </c>
      <c r="G2708" s="46">
        <v>8.1</v>
      </c>
      <c r="H2708" s="46">
        <v>18.600000000000001</v>
      </c>
      <c r="I2708" s="46">
        <v>23.8</v>
      </c>
      <c r="J2708" s="46">
        <v>13.7</v>
      </c>
      <c r="K2708" s="46">
        <v>7.7</v>
      </c>
      <c r="L2708" s="47">
        <v>5.6</v>
      </c>
    </row>
    <row r="2709" spans="1:13" x14ac:dyDescent="0.2">
      <c r="B2709" s="76"/>
      <c r="C2709" s="39" t="s">
        <v>61</v>
      </c>
      <c r="D2709" s="45">
        <v>675</v>
      </c>
      <c r="E2709" s="46">
        <v>15.4</v>
      </c>
      <c r="F2709" s="46">
        <v>13.6</v>
      </c>
      <c r="G2709" s="46">
        <v>7.1</v>
      </c>
      <c r="H2709" s="46">
        <v>15.7</v>
      </c>
      <c r="I2709" s="46">
        <v>23.1</v>
      </c>
      <c r="J2709" s="46">
        <v>13.9</v>
      </c>
      <c r="K2709" s="46">
        <v>5.8</v>
      </c>
      <c r="L2709" s="47">
        <v>5.3</v>
      </c>
    </row>
    <row r="2710" spans="1:13" x14ac:dyDescent="0.2">
      <c r="B2710" s="76"/>
      <c r="C2710" s="39" t="s">
        <v>62</v>
      </c>
      <c r="D2710" s="45">
        <v>1086</v>
      </c>
      <c r="E2710" s="46">
        <v>5.7</v>
      </c>
      <c r="F2710" s="46">
        <v>6.7</v>
      </c>
      <c r="G2710" s="46">
        <v>6.8</v>
      </c>
      <c r="H2710" s="46">
        <v>16.8</v>
      </c>
      <c r="I2710" s="46">
        <v>26.6</v>
      </c>
      <c r="J2710" s="46">
        <v>18.5</v>
      </c>
      <c r="K2710" s="46">
        <v>10.7</v>
      </c>
      <c r="L2710" s="47">
        <v>8.1999999999999993</v>
      </c>
    </row>
    <row r="2711" spans="1:13" ht="21.6" x14ac:dyDescent="0.2">
      <c r="B2711" s="76"/>
      <c r="C2711" s="39" t="s">
        <v>63</v>
      </c>
      <c r="D2711" s="45">
        <v>203</v>
      </c>
      <c r="E2711" s="46">
        <v>11.3</v>
      </c>
      <c r="F2711" s="46">
        <v>10.8</v>
      </c>
      <c r="G2711" s="46">
        <v>9.9</v>
      </c>
      <c r="H2711" s="46">
        <v>17.7</v>
      </c>
      <c r="I2711" s="46">
        <v>21.2</v>
      </c>
      <c r="J2711" s="46">
        <v>16.7</v>
      </c>
      <c r="K2711" s="46">
        <v>6.4</v>
      </c>
      <c r="L2711" s="47">
        <v>5.9</v>
      </c>
    </row>
    <row r="2712" spans="1:13" x14ac:dyDescent="0.2">
      <c r="B2712" s="76"/>
      <c r="C2712" s="39" t="s">
        <v>64</v>
      </c>
      <c r="D2712" s="45">
        <v>263</v>
      </c>
      <c r="E2712" s="46">
        <v>4.9000000000000004</v>
      </c>
      <c r="F2712" s="46">
        <v>7.2</v>
      </c>
      <c r="G2712" s="46">
        <v>6.8</v>
      </c>
      <c r="H2712" s="46">
        <v>14.8</v>
      </c>
      <c r="I2712" s="46">
        <v>23.2</v>
      </c>
      <c r="J2712" s="46">
        <v>22.1</v>
      </c>
      <c r="K2712" s="46">
        <v>12.5</v>
      </c>
      <c r="L2712" s="47">
        <v>8.4</v>
      </c>
    </row>
    <row r="2713" spans="1:13" x14ac:dyDescent="0.2">
      <c r="B2713" s="76"/>
      <c r="C2713" s="39" t="s">
        <v>65</v>
      </c>
      <c r="D2713" s="45">
        <v>312</v>
      </c>
      <c r="E2713" s="46">
        <v>4.2</v>
      </c>
      <c r="F2713" s="46">
        <v>5.0999999999999996</v>
      </c>
      <c r="G2713" s="46">
        <v>5.8</v>
      </c>
      <c r="H2713" s="46">
        <v>13.5</v>
      </c>
      <c r="I2713" s="46">
        <v>32.4</v>
      </c>
      <c r="J2713" s="46">
        <v>18.3</v>
      </c>
      <c r="K2713" s="46">
        <v>10.3</v>
      </c>
      <c r="L2713" s="47">
        <v>10.6</v>
      </c>
    </row>
    <row r="2714" spans="1:13" x14ac:dyDescent="0.2">
      <c r="B2714" s="76"/>
      <c r="C2714" s="39" t="s">
        <v>66</v>
      </c>
      <c r="D2714" s="45">
        <v>230</v>
      </c>
      <c r="E2714" s="46">
        <v>3.9</v>
      </c>
      <c r="F2714" s="46">
        <v>4.8</v>
      </c>
      <c r="G2714" s="46">
        <v>3.5</v>
      </c>
      <c r="H2714" s="46">
        <v>15.7</v>
      </c>
      <c r="I2714" s="46">
        <v>30.4</v>
      </c>
      <c r="J2714" s="46">
        <v>19.100000000000001</v>
      </c>
      <c r="K2714" s="46">
        <v>14.8</v>
      </c>
      <c r="L2714" s="47">
        <v>7.8</v>
      </c>
    </row>
    <row r="2715" spans="1:13" x14ac:dyDescent="0.2">
      <c r="B2715" s="76"/>
      <c r="C2715" s="39" t="s">
        <v>67</v>
      </c>
      <c r="D2715" s="45">
        <v>78</v>
      </c>
      <c r="E2715" s="46">
        <v>5.0999999999999996</v>
      </c>
      <c r="F2715" s="46">
        <v>6.4</v>
      </c>
      <c r="G2715" s="46">
        <v>12.8</v>
      </c>
      <c r="H2715" s="46">
        <v>37.200000000000003</v>
      </c>
      <c r="I2715" s="46">
        <v>17.899999999999999</v>
      </c>
      <c r="J2715" s="46">
        <v>10.3</v>
      </c>
      <c r="K2715" s="46">
        <v>5.0999999999999996</v>
      </c>
      <c r="L2715" s="47">
        <v>5.0999999999999996</v>
      </c>
    </row>
    <row r="2716" spans="1:13" x14ac:dyDescent="0.2">
      <c r="B2716" s="76"/>
      <c r="C2716" s="39" t="s">
        <v>68</v>
      </c>
      <c r="D2716" s="45">
        <v>897</v>
      </c>
      <c r="E2716" s="46">
        <v>4</v>
      </c>
      <c r="F2716" s="46">
        <v>3.7</v>
      </c>
      <c r="G2716" s="46">
        <v>5.6</v>
      </c>
      <c r="H2716" s="46">
        <v>15.2</v>
      </c>
      <c r="I2716" s="46">
        <v>29.4</v>
      </c>
      <c r="J2716" s="46">
        <v>20.399999999999999</v>
      </c>
      <c r="K2716" s="46">
        <v>12.6</v>
      </c>
      <c r="L2716" s="47">
        <v>9.1</v>
      </c>
    </row>
    <row r="2717" spans="1:13" x14ac:dyDescent="0.2">
      <c r="B2717" s="76"/>
      <c r="C2717" s="39" t="s">
        <v>69</v>
      </c>
      <c r="D2717" s="45">
        <v>189</v>
      </c>
      <c r="E2717" s="46">
        <v>13.8</v>
      </c>
      <c r="F2717" s="46">
        <v>21.2</v>
      </c>
      <c r="G2717" s="46">
        <v>12.7</v>
      </c>
      <c r="H2717" s="46">
        <v>24.3</v>
      </c>
      <c r="I2717" s="46">
        <v>13.2</v>
      </c>
      <c r="J2717" s="46">
        <v>9.5</v>
      </c>
      <c r="K2717" s="46">
        <v>1.6</v>
      </c>
      <c r="L2717" s="47">
        <v>3.7</v>
      </c>
    </row>
    <row r="2718" spans="1:13" x14ac:dyDescent="0.2">
      <c r="B2718" s="76"/>
      <c r="C2718" s="39" t="s">
        <v>70</v>
      </c>
      <c r="D2718" s="45">
        <v>914</v>
      </c>
      <c r="E2718" s="46">
        <v>24.5</v>
      </c>
      <c r="F2718" s="46">
        <v>14.9</v>
      </c>
      <c r="G2718" s="46">
        <v>8.9</v>
      </c>
      <c r="H2718" s="46">
        <v>18.600000000000001</v>
      </c>
      <c r="I2718" s="46">
        <v>20</v>
      </c>
      <c r="J2718" s="46">
        <v>8.1</v>
      </c>
      <c r="K2718" s="46">
        <v>2.7</v>
      </c>
      <c r="L2718" s="47">
        <v>2.2999999999999998</v>
      </c>
    </row>
    <row r="2719" spans="1:13" ht="21.6" x14ac:dyDescent="0.2">
      <c r="B2719" s="76"/>
      <c r="C2719" s="39" t="s">
        <v>63</v>
      </c>
      <c r="D2719" s="45">
        <v>193</v>
      </c>
      <c r="E2719" s="46">
        <v>25.4</v>
      </c>
      <c r="F2719" s="46">
        <v>12.4</v>
      </c>
      <c r="G2719" s="46">
        <v>6.7</v>
      </c>
      <c r="H2719" s="46">
        <v>15.5</v>
      </c>
      <c r="I2719" s="46">
        <v>23.8</v>
      </c>
      <c r="J2719" s="46">
        <v>8.3000000000000007</v>
      </c>
      <c r="K2719" s="46">
        <v>3.6</v>
      </c>
      <c r="L2719" s="47">
        <v>4.0999999999999996</v>
      </c>
    </row>
    <row r="2720" spans="1:13" x14ac:dyDescent="0.2">
      <c r="B2720" s="76"/>
      <c r="C2720" s="39" t="s">
        <v>64</v>
      </c>
      <c r="D2720" s="45">
        <v>203</v>
      </c>
      <c r="E2720" s="46">
        <v>17.7</v>
      </c>
      <c r="F2720" s="46">
        <v>9.9</v>
      </c>
      <c r="G2720" s="46">
        <v>13.3</v>
      </c>
      <c r="H2720" s="46">
        <v>18.7</v>
      </c>
      <c r="I2720" s="46">
        <v>26.1</v>
      </c>
      <c r="J2720" s="46">
        <v>8.4</v>
      </c>
      <c r="K2720" s="46">
        <v>3.9</v>
      </c>
      <c r="L2720" s="47">
        <v>2</v>
      </c>
    </row>
    <row r="2721" spans="1:25" x14ac:dyDescent="0.2">
      <c r="B2721" s="76"/>
      <c r="C2721" s="39" t="s">
        <v>65</v>
      </c>
      <c r="D2721" s="45">
        <v>263</v>
      </c>
      <c r="E2721" s="46">
        <v>25.5</v>
      </c>
      <c r="F2721" s="46">
        <v>16</v>
      </c>
      <c r="G2721" s="46">
        <v>9.1</v>
      </c>
      <c r="H2721" s="46">
        <v>20.2</v>
      </c>
      <c r="I2721" s="46">
        <v>17.899999999999999</v>
      </c>
      <c r="J2721" s="46">
        <v>8.6999999999999993</v>
      </c>
      <c r="K2721" s="46">
        <v>1.5</v>
      </c>
      <c r="L2721" s="47">
        <v>1.1000000000000001</v>
      </c>
    </row>
    <row r="2722" spans="1:25" x14ac:dyDescent="0.2">
      <c r="B2722" s="76"/>
      <c r="C2722" s="39" t="s">
        <v>66</v>
      </c>
      <c r="D2722" s="45">
        <v>194</v>
      </c>
      <c r="E2722" s="46">
        <v>27.8</v>
      </c>
      <c r="F2722" s="46">
        <v>18.600000000000001</v>
      </c>
      <c r="G2722" s="46">
        <v>7.2</v>
      </c>
      <c r="H2722" s="46">
        <v>19.100000000000001</v>
      </c>
      <c r="I2722" s="46">
        <v>13.9</v>
      </c>
      <c r="J2722" s="46">
        <v>9.3000000000000007</v>
      </c>
      <c r="K2722" s="46">
        <v>2.1</v>
      </c>
      <c r="L2722" s="47">
        <v>2.1</v>
      </c>
    </row>
    <row r="2723" spans="1:25" x14ac:dyDescent="0.2">
      <c r="B2723" s="76"/>
      <c r="C2723" s="39" t="s">
        <v>67</v>
      </c>
      <c r="D2723" s="45">
        <v>61</v>
      </c>
      <c r="E2723" s="46">
        <v>29.5</v>
      </c>
      <c r="F2723" s="46">
        <v>23</v>
      </c>
      <c r="G2723" s="46">
        <v>4.9000000000000004</v>
      </c>
      <c r="H2723" s="46">
        <v>19.7</v>
      </c>
      <c r="I2723" s="46">
        <v>16.399999999999999</v>
      </c>
      <c r="J2723" s="46">
        <v>0</v>
      </c>
      <c r="K2723" s="46">
        <v>3.3</v>
      </c>
      <c r="L2723" s="47">
        <v>3.3</v>
      </c>
    </row>
    <row r="2724" spans="1:25" x14ac:dyDescent="0.2">
      <c r="B2724" s="76"/>
      <c r="C2724" s="39" t="s">
        <v>68</v>
      </c>
      <c r="D2724" s="45">
        <v>416</v>
      </c>
      <c r="E2724" s="46">
        <v>7</v>
      </c>
      <c r="F2724" s="46">
        <v>5.8</v>
      </c>
      <c r="G2724" s="46">
        <v>9.4</v>
      </c>
      <c r="H2724" s="46">
        <v>24</v>
      </c>
      <c r="I2724" s="46">
        <v>32.200000000000003</v>
      </c>
      <c r="J2724" s="46">
        <v>14.4</v>
      </c>
      <c r="K2724" s="46">
        <v>3.6</v>
      </c>
      <c r="L2724" s="47">
        <v>3.6</v>
      </c>
    </row>
    <row r="2725" spans="1:25" x14ac:dyDescent="0.2">
      <c r="B2725" s="76"/>
      <c r="C2725" s="40" t="s">
        <v>69</v>
      </c>
      <c r="D2725" s="48">
        <v>498</v>
      </c>
      <c r="E2725" s="49">
        <v>39.200000000000003</v>
      </c>
      <c r="F2725" s="49">
        <v>22.5</v>
      </c>
      <c r="G2725" s="49">
        <v>8.4</v>
      </c>
      <c r="H2725" s="49">
        <v>14.1</v>
      </c>
      <c r="I2725" s="49">
        <v>9.8000000000000007</v>
      </c>
      <c r="J2725" s="49">
        <v>2.8</v>
      </c>
      <c r="K2725" s="49">
        <v>2</v>
      </c>
      <c r="L2725" s="50">
        <v>1.2</v>
      </c>
    </row>
    <row r="2726" spans="1:25" x14ac:dyDescent="0.2">
      <c r="B2726" s="7" t="s">
        <v>71</v>
      </c>
      <c r="C2726" s="4" t="s">
        <v>159</v>
      </c>
    </row>
    <row r="2727" spans="1:25" x14ac:dyDescent="0.2">
      <c r="B2727" s="4"/>
      <c r="C2727" s="4" t="s">
        <v>73</v>
      </c>
    </row>
    <row r="2729" spans="1:25" x14ac:dyDescent="0.2">
      <c r="A2729" s="26" t="s">
        <v>25</v>
      </c>
      <c r="B2729" t="s">
        <v>35</v>
      </c>
      <c r="C2729" t="s">
        <v>35</v>
      </c>
    </row>
    <row r="2730" spans="1:25" x14ac:dyDescent="0.2">
      <c r="B2730" s="74" t="s">
        <v>160</v>
      </c>
      <c r="C2730" s="75"/>
      <c r="D2730" s="75"/>
      <c r="E2730" s="75"/>
      <c r="F2730" s="75"/>
      <c r="G2730" s="75"/>
      <c r="H2730" s="75"/>
      <c r="I2730" s="75"/>
      <c r="J2730" s="75"/>
      <c r="K2730" s="75"/>
      <c r="L2730" s="75"/>
      <c r="M2730" s="75"/>
      <c r="N2730" s="75"/>
      <c r="O2730" s="75"/>
      <c r="P2730" s="75"/>
      <c r="Q2730" s="75"/>
      <c r="R2730" s="75"/>
      <c r="S2730" s="75"/>
      <c r="T2730" s="75"/>
      <c r="U2730" s="75"/>
      <c r="V2730" s="75"/>
      <c r="W2730" s="75"/>
      <c r="X2730" s="75"/>
      <c r="Y2730" s="75"/>
    </row>
    <row r="2731" spans="1:25" s="32" customFormat="1" ht="58.05" customHeight="1" x14ac:dyDescent="0.15">
      <c r="A2731" s="31"/>
      <c r="D2731" s="33" t="s">
        <v>242</v>
      </c>
      <c r="E2731" s="35" t="s">
        <v>426</v>
      </c>
      <c r="F2731" s="36" t="s">
        <v>427</v>
      </c>
      <c r="G2731" s="36" t="s">
        <v>428</v>
      </c>
      <c r="H2731" s="36" t="s">
        <v>424</v>
      </c>
      <c r="I2731" s="37" t="s">
        <v>425</v>
      </c>
      <c r="J2731" s="34" t="s">
        <v>251</v>
      </c>
    </row>
    <row r="2732" spans="1:25" x14ac:dyDescent="0.2">
      <c r="B2732" s="5"/>
      <c r="C2732" s="41" t="s">
        <v>38</v>
      </c>
      <c r="D2732" s="42">
        <v>2000</v>
      </c>
      <c r="E2732" s="43">
        <v>24.8</v>
      </c>
      <c r="F2732" s="43">
        <v>25.4</v>
      </c>
      <c r="G2732" s="43">
        <v>37.4</v>
      </c>
      <c r="H2732" s="43">
        <v>7.1</v>
      </c>
      <c r="I2732" s="44">
        <v>5.5</v>
      </c>
    </row>
    <row r="2733" spans="1:25" x14ac:dyDescent="0.2">
      <c r="B2733" s="76" t="s">
        <v>37</v>
      </c>
      <c r="C2733" s="39" t="s">
        <v>39</v>
      </c>
      <c r="D2733" s="45">
        <v>111</v>
      </c>
      <c r="E2733" s="46">
        <v>12.6</v>
      </c>
      <c r="F2733" s="46">
        <v>25.2</v>
      </c>
      <c r="G2733" s="46">
        <v>44.1</v>
      </c>
      <c r="H2733" s="46">
        <v>9.9</v>
      </c>
      <c r="I2733" s="47">
        <v>8.1</v>
      </c>
    </row>
    <row r="2734" spans="1:25" x14ac:dyDescent="0.2">
      <c r="B2734" s="76"/>
      <c r="C2734" s="39" t="s">
        <v>40</v>
      </c>
      <c r="D2734" s="45">
        <v>450</v>
      </c>
      <c r="E2734" s="46">
        <v>14</v>
      </c>
      <c r="F2734" s="46">
        <v>24.2</v>
      </c>
      <c r="G2734" s="46">
        <v>46.4</v>
      </c>
      <c r="H2734" s="46">
        <v>10</v>
      </c>
      <c r="I2734" s="47">
        <v>5.3</v>
      </c>
    </row>
    <row r="2735" spans="1:25" ht="21.6" x14ac:dyDescent="0.2">
      <c r="B2735" s="76"/>
      <c r="C2735" s="39" t="s">
        <v>41</v>
      </c>
      <c r="D2735" s="45">
        <v>30</v>
      </c>
      <c r="E2735" s="46">
        <v>33.299999999999997</v>
      </c>
      <c r="F2735" s="46">
        <v>26.7</v>
      </c>
      <c r="G2735" s="46">
        <v>36.700000000000003</v>
      </c>
      <c r="H2735" s="46">
        <v>0</v>
      </c>
      <c r="I2735" s="47">
        <v>3.3</v>
      </c>
    </row>
    <row r="2736" spans="1:25" ht="21.6" x14ac:dyDescent="0.2">
      <c r="B2736" s="76"/>
      <c r="C2736" s="39" t="s">
        <v>42</v>
      </c>
      <c r="D2736" s="45">
        <v>336</v>
      </c>
      <c r="E2736" s="46">
        <v>15.8</v>
      </c>
      <c r="F2736" s="46">
        <v>22.3</v>
      </c>
      <c r="G2736" s="46">
        <v>42.3</v>
      </c>
      <c r="H2736" s="46">
        <v>11.6</v>
      </c>
      <c r="I2736" s="47">
        <v>8</v>
      </c>
    </row>
    <row r="2737" spans="2:9" ht="21.6" x14ac:dyDescent="0.2">
      <c r="B2737" s="76"/>
      <c r="C2737" s="39" t="s">
        <v>43</v>
      </c>
      <c r="D2737" s="45">
        <v>327</v>
      </c>
      <c r="E2737" s="46">
        <v>40.700000000000003</v>
      </c>
      <c r="F2737" s="46">
        <v>23.2</v>
      </c>
      <c r="G2737" s="46">
        <v>26.6</v>
      </c>
      <c r="H2737" s="46">
        <v>4.3</v>
      </c>
      <c r="I2737" s="47">
        <v>5.2</v>
      </c>
    </row>
    <row r="2738" spans="2:9" ht="21.6" x14ac:dyDescent="0.2">
      <c r="B2738" s="76"/>
      <c r="C2738" s="39" t="s">
        <v>44</v>
      </c>
      <c r="D2738" s="45">
        <v>181</v>
      </c>
      <c r="E2738" s="46">
        <v>16</v>
      </c>
      <c r="F2738" s="46">
        <v>35.4</v>
      </c>
      <c r="G2738" s="46">
        <v>39.200000000000003</v>
      </c>
      <c r="H2738" s="46">
        <v>3.3</v>
      </c>
      <c r="I2738" s="47">
        <v>6.1</v>
      </c>
    </row>
    <row r="2739" spans="2:9" ht="21.6" x14ac:dyDescent="0.2">
      <c r="B2739" s="76"/>
      <c r="C2739" s="39" t="s">
        <v>45</v>
      </c>
      <c r="D2739" s="45">
        <v>565</v>
      </c>
      <c r="E2739" s="46">
        <v>34.200000000000003</v>
      </c>
      <c r="F2739" s="46">
        <v>26</v>
      </c>
      <c r="G2739" s="46">
        <v>31.5</v>
      </c>
      <c r="H2739" s="46">
        <v>4.5999999999999996</v>
      </c>
      <c r="I2739" s="47">
        <v>3.7</v>
      </c>
    </row>
    <row r="2740" spans="2:9" ht="21.6" x14ac:dyDescent="0.2">
      <c r="B2740" s="76"/>
      <c r="C2740" s="39" t="s">
        <v>46</v>
      </c>
      <c r="D2740" s="45">
        <v>473</v>
      </c>
      <c r="E2740" s="46">
        <v>33.4</v>
      </c>
      <c r="F2740" s="46">
        <v>27.1</v>
      </c>
      <c r="G2740" s="46">
        <v>31.1</v>
      </c>
      <c r="H2740" s="46">
        <v>4.7</v>
      </c>
      <c r="I2740" s="47">
        <v>3.8</v>
      </c>
    </row>
    <row r="2741" spans="2:9" ht="21.6" x14ac:dyDescent="0.2">
      <c r="B2741" s="76"/>
      <c r="C2741" s="39" t="s">
        <v>47</v>
      </c>
      <c r="D2741" s="45">
        <v>441</v>
      </c>
      <c r="E2741" s="46">
        <v>22.9</v>
      </c>
      <c r="F2741" s="46">
        <v>26.1</v>
      </c>
      <c r="G2741" s="46">
        <v>35.799999999999997</v>
      </c>
      <c r="H2741" s="46">
        <v>8.4</v>
      </c>
      <c r="I2741" s="47">
        <v>6.8</v>
      </c>
    </row>
    <row r="2742" spans="2:9" ht="21.6" x14ac:dyDescent="0.2">
      <c r="B2742" s="76"/>
      <c r="C2742" s="39" t="s">
        <v>48</v>
      </c>
      <c r="D2742" s="45">
        <v>305</v>
      </c>
      <c r="E2742" s="46">
        <v>17.399999999999999</v>
      </c>
      <c r="F2742" s="46">
        <v>27.2</v>
      </c>
      <c r="G2742" s="46">
        <v>44.3</v>
      </c>
      <c r="H2742" s="46">
        <v>5.9</v>
      </c>
      <c r="I2742" s="47">
        <v>5.2</v>
      </c>
    </row>
    <row r="2743" spans="2:9" ht="21.6" x14ac:dyDescent="0.2">
      <c r="B2743" s="76"/>
      <c r="C2743" s="39" t="s">
        <v>49</v>
      </c>
      <c r="D2743" s="45">
        <v>223</v>
      </c>
      <c r="E2743" s="46">
        <v>17</v>
      </c>
      <c r="F2743" s="46">
        <v>22</v>
      </c>
      <c r="G2743" s="46">
        <v>44.4</v>
      </c>
      <c r="H2743" s="46">
        <v>10.3</v>
      </c>
      <c r="I2743" s="47">
        <v>6.3</v>
      </c>
    </row>
    <row r="2744" spans="2:9" ht="21.6" x14ac:dyDescent="0.2">
      <c r="B2744" s="76"/>
      <c r="C2744" s="39" t="s">
        <v>50</v>
      </c>
      <c r="D2744" s="45">
        <v>123</v>
      </c>
      <c r="E2744" s="46">
        <v>18.7</v>
      </c>
      <c r="F2744" s="46">
        <v>17.899999999999999</v>
      </c>
      <c r="G2744" s="46">
        <v>43.9</v>
      </c>
      <c r="H2744" s="46">
        <v>12.2</v>
      </c>
      <c r="I2744" s="47">
        <v>7.3</v>
      </c>
    </row>
    <row r="2745" spans="2:9" ht="21.6" x14ac:dyDescent="0.2">
      <c r="B2745" s="76"/>
      <c r="C2745" s="39" t="s">
        <v>51</v>
      </c>
      <c r="D2745" s="45">
        <v>124</v>
      </c>
      <c r="E2745" s="46">
        <v>16.100000000000001</v>
      </c>
      <c r="F2745" s="46">
        <v>19.399999999999999</v>
      </c>
      <c r="G2745" s="46">
        <v>47.6</v>
      </c>
      <c r="H2745" s="46">
        <v>9.6999999999999993</v>
      </c>
      <c r="I2745" s="47">
        <v>7.3</v>
      </c>
    </row>
    <row r="2746" spans="2:9" ht="21.6" x14ac:dyDescent="0.2">
      <c r="B2746" s="76"/>
      <c r="C2746" s="39" t="s">
        <v>52</v>
      </c>
      <c r="D2746" s="45">
        <v>312</v>
      </c>
      <c r="E2746" s="46">
        <v>31.4</v>
      </c>
      <c r="F2746" s="46">
        <v>28.2</v>
      </c>
      <c r="G2746" s="46">
        <v>31.1</v>
      </c>
      <c r="H2746" s="46">
        <v>5.0999999999999996</v>
      </c>
      <c r="I2746" s="47">
        <v>4.2</v>
      </c>
    </row>
    <row r="2747" spans="2:9" x14ac:dyDescent="0.2">
      <c r="B2747" s="76"/>
      <c r="C2747" s="39" t="s">
        <v>53</v>
      </c>
      <c r="D2747" s="45">
        <v>269</v>
      </c>
      <c r="E2747" s="46">
        <v>29</v>
      </c>
      <c r="F2747" s="46">
        <v>26.4</v>
      </c>
      <c r="G2747" s="46">
        <v>31.2</v>
      </c>
      <c r="H2747" s="46">
        <v>7.4</v>
      </c>
      <c r="I2747" s="47">
        <v>5.9</v>
      </c>
    </row>
    <row r="2748" spans="2:9" ht="21.6" x14ac:dyDescent="0.2">
      <c r="B2748" s="76"/>
      <c r="C2748" s="39" t="s">
        <v>54</v>
      </c>
      <c r="D2748" s="45">
        <v>511</v>
      </c>
      <c r="E2748" s="46">
        <v>16.399999999999999</v>
      </c>
      <c r="F2748" s="46">
        <v>22.9</v>
      </c>
      <c r="G2748" s="46">
        <v>46</v>
      </c>
      <c r="H2748" s="46">
        <v>8.4</v>
      </c>
      <c r="I2748" s="47">
        <v>6.3</v>
      </c>
    </row>
    <row r="2749" spans="2:9" ht="21.6" x14ac:dyDescent="0.2">
      <c r="B2749" s="76"/>
      <c r="C2749" s="39" t="s">
        <v>55</v>
      </c>
      <c r="D2749" s="45">
        <v>615</v>
      </c>
      <c r="E2749" s="46">
        <v>15.8</v>
      </c>
      <c r="F2749" s="46">
        <v>26.3</v>
      </c>
      <c r="G2749" s="46">
        <v>42.9</v>
      </c>
      <c r="H2749" s="46">
        <v>8.6</v>
      </c>
      <c r="I2749" s="47">
        <v>6.3</v>
      </c>
    </row>
    <row r="2750" spans="2:9" ht="21.6" x14ac:dyDescent="0.2">
      <c r="B2750" s="76"/>
      <c r="C2750" s="39" t="s">
        <v>56</v>
      </c>
      <c r="D2750" s="45">
        <v>800</v>
      </c>
      <c r="E2750" s="46">
        <v>19.399999999999999</v>
      </c>
      <c r="F2750" s="46">
        <v>26.1</v>
      </c>
      <c r="G2750" s="46">
        <v>40.1</v>
      </c>
      <c r="H2750" s="46">
        <v>7.9</v>
      </c>
      <c r="I2750" s="47">
        <v>6.5</v>
      </c>
    </row>
    <row r="2751" spans="2:9" x14ac:dyDescent="0.2">
      <c r="B2751" s="76"/>
      <c r="C2751" s="40" t="s">
        <v>57</v>
      </c>
      <c r="D2751" s="48">
        <v>798</v>
      </c>
      <c r="E2751" s="49">
        <v>19.8</v>
      </c>
      <c r="F2751" s="49">
        <v>24.9</v>
      </c>
      <c r="G2751" s="49">
        <v>42.1</v>
      </c>
      <c r="H2751" s="49">
        <v>7.3</v>
      </c>
      <c r="I2751" s="50">
        <v>5.9</v>
      </c>
    </row>
    <row r="2753" spans="1:25" x14ac:dyDescent="0.2">
      <c r="C2753" t="s">
        <v>35</v>
      </c>
    </row>
    <row r="2754" spans="1:25" x14ac:dyDescent="0.2">
      <c r="B2754" s="74" t="s">
        <v>231</v>
      </c>
      <c r="C2754" s="75"/>
      <c r="D2754" s="75"/>
      <c r="E2754" s="75"/>
      <c r="F2754" s="75"/>
      <c r="G2754" s="75"/>
      <c r="H2754" s="75"/>
      <c r="I2754" s="75"/>
      <c r="J2754" s="75"/>
      <c r="K2754" s="75"/>
      <c r="L2754" s="75"/>
      <c r="M2754" s="75"/>
      <c r="N2754" s="75"/>
      <c r="O2754" s="75"/>
      <c r="P2754" s="75"/>
      <c r="Q2754" s="75"/>
      <c r="R2754" s="75"/>
      <c r="S2754" s="75"/>
      <c r="T2754" s="75"/>
      <c r="U2754" s="75"/>
      <c r="V2754" s="75"/>
      <c r="W2754" s="75"/>
      <c r="X2754" s="75"/>
      <c r="Y2754" s="75"/>
    </row>
    <row r="2755" spans="1:25" s="32" customFormat="1" ht="58.05" customHeight="1" x14ac:dyDescent="0.15">
      <c r="A2755" s="31"/>
      <c r="D2755" s="33" t="s">
        <v>242</v>
      </c>
      <c r="E2755" s="35" t="s">
        <v>426</v>
      </c>
      <c r="F2755" s="36" t="s">
        <v>427</v>
      </c>
      <c r="G2755" s="36" t="s">
        <v>428</v>
      </c>
      <c r="H2755" s="36" t="s">
        <v>424</v>
      </c>
      <c r="I2755" s="37" t="s">
        <v>425</v>
      </c>
      <c r="J2755" s="34" t="s">
        <v>251</v>
      </c>
    </row>
    <row r="2756" spans="1:25" ht="21.6" x14ac:dyDescent="0.2">
      <c r="B2756" s="76" t="s">
        <v>37</v>
      </c>
      <c r="C2756" s="38" t="s">
        <v>58</v>
      </c>
      <c r="D2756" s="51">
        <v>609</v>
      </c>
      <c r="E2756" s="52">
        <v>19.899999999999999</v>
      </c>
      <c r="F2756" s="52">
        <v>27.3</v>
      </c>
      <c r="G2756" s="52">
        <v>38.6</v>
      </c>
      <c r="H2756" s="52">
        <v>8.4</v>
      </c>
      <c r="I2756" s="53">
        <v>5.9</v>
      </c>
    </row>
    <row r="2757" spans="1:25" ht="21.6" x14ac:dyDescent="0.2">
      <c r="B2757" s="76"/>
      <c r="C2757" s="39" t="s">
        <v>59</v>
      </c>
      <c r="D2757" s="45">
        <v>1391</v>
      </c>
      <c r="E2757" s="46">
        <v>26.9</v>
      </c>
      <c r="F2757" s="46">
        <v>24.5</v>
      </c>
      <c r="G2757" s="46">
        <v>36.799999999999997</v>
      </c>
      <c r="H2757" s="46">
        <v>6.5</v>
      </c>
      <c r="I2757" s="47">
        <v>5.3</v>
      </c>
    </row>
    <row r="2758" spans="1:25" x14ac:dyDescent="0.2">
      <c r="B2758" s="76"/>
      <c r="C2758" s="39" t="s">
        <v>60</v>
      </c>
      <c r="D2758" s="45">
        <v>1325</v>
      </c>
      <c r="E2758" s="46">
        <v>22.6</v>
      </c>
      <c r="F2758" s="46">
        <v>26.6</v>
      </c>
      <c r="G2758" s="46">
        <v>37.5</v>
      </c>
      <c r="H2758" s="46">
        <v>7.7</v>
      </c>
      <c r="I2758" s="47">
        <v>5.6</v>
      </c>
    </row>
    <row r="2759" spans="1:25" x14ac:dyDescent="0.2">
      <c r="B2759" s="76"/>
      <c r="C2759" s="39" t="s">
        <v>61</v>
      </c>
      <c r="D2759" s="45">
        <v>675</v>
      </c>
      <c r="E2759" s="46">
        <v>29</v>
      </c>
      <c r="F2759" s="46">
        <v>22.8</v>
      </c>
      <c r="G2759" s="46">
        <v>37</v>
      </c>
      <c r="H2759" s="46">
        <v>5.8</v>
      </c>
      <c r="I2759" s="47">
        <v>5.3</v>
      </c>
    </row>
    <row r="2760" spans="1:25" x14ac:dyDescent="0.2">
      <c r="B2760" s="76"/>
      <c r="C2760" s="39" t="s">
        <v>62</v>
      </c>
      <c r="D2760" s="45">
        <v>1086</v>
      </c>
      <c r="E2760" s="46">
        <v>12.4</v>
      </c>
      <c r="F2760" s="46">
        <v>23.6</v>
      </c>
      <c r="G2760" s="46">
        <v>45.1</v>
      </c>
      <c r="H2760" s="46">
        <v>10.7</v>
      </c>
      <c r="I2760" s="47">
        <v>8.1999999999999993</v>
      </c>
    </row>
    <row r="2761" spans="1:25" ht="21.6" x14ac:dyDescent="0.2">
      <c r="B2761" s="76"/>
      <c r="C2761" s="39" t="s">
        <v>63</v>
      </c>
      <c r="D2761" s="45">
        <v>203</v>
      </c>
      <c r="E2761" s="46">
        <v>22.2</v>
      </c>
      <c r="F2761" s="46">
        <v>27.6</v>
      </c>
      <c r="G2761" s="46">
        <v>37.9</v>
      </c>
      <c r="H2761" s="46">
        <v>6.4</v>
      </c>
      <c r="I2761" s="47">
        <v>5.9</v>
      </c>
    </row>
    <row r="2762" spans="1:25" x14ac:dyDescent="0.2">
      <c r="B2762" s="76"/>
      <c r="C2762" s="39" t="s">
        <v>64</v>
      </c>
      <c r="D2762" s="45">
        <v>263</v>
      </c>
      <c r="E2762" s="46">
        <v>12.2</v>
      </c>
      <c r="F2762" s="46">
        <v>21.7</v>
      </c>
      <c r="G2762" s="46">
        <v>45.2</v>
      </c>
      <c r="H2762" s="46">
        <v>12.5</v>
      </c>
      <c r="I2762" s="47">
        <v>8.4</v>
      </c>
    </row>
    <row r="2763" spans="1:25" x14ac:dyDescent="0.2">
      <c r="B2763" s="76"/>
      <c r="C2763" s="39" t="s">
        <v>65</v>
      </c>
      <c r="D2763" s="45">
        <v>312</v>
      </c>
      <c r="E2763" s="46">
        <v>9.3000000000000007</v>
      </c>
      <c r="F2763" s="46">
        <v>19.2</v>
      </c>
      <c r="G2763" s="46">
        <v>50.6</v>
      </c>
      <c r="H2763" s="46">
        <v>10.3</v>
      </c>
      <c r="I2763" s="47">
        <v>10.6</v>
      </c>
    </row>
    <row r="2764" spans="1:25" x14ac:dyDescent="0.2">
      <c r="B2764" s="76"/>
      <c r="C2764" s="39" t="s">
        <v>66</v>
      </c>
      <c r="D2764" s="45">
        <v>230</v>
      </c>
      <c r="E2764" s="46">
        <v>8.6999999999999993</v>
      </c>
      <c r="F2764" s="46">
        <v>19.100000000000001</v>
      </c>
      <c r="G2764" s="46">
        <v>49.6</v>
      </c>
      <c r="H2764" s="46">
        <v>14.8</v>
      </c>
      <c r="I2764" s="47">
        <v>7.8</v>
      </c>
    </row>
    <row r="2765" spans="1:25" x14ac:dyDescent="0.2">
      <c r="B2765" s="76"/>
      <c r="C2765" s="39" t="s">
        <v>67</v>
      </c>
      <c r="D2765" s="45">
        <v>78</v>
      </c>
      <c r="E2765" s="46">
        <v>11.5</v>
      </c>
      <c r="F2765" s="46">
        <v>50</v>
      </c>
      <c r="G2765" s="46">
        <v>28.2</v>
      </c>
      <c r="H2765" s="46">
        <v>5.0999999999999996</v>
      </c>
      <c r="I2765" s="47">
        <v>5.0999999999999996</v>
      </c>
    </row>
    <row r="2766" spans="1:25" x14ac:dyDescent="0.2">
      <c r="B2766" s="76"/>
      <c r="C2766" s="39" t="s">
        <v>68</v>
      </c>
      <c r="D2766" s="45">
        <v>897</v>
      </c>
      <c r="E2766" s="46">
        <v>7.7</v>
      </c>
      <c r="F2766" s="46">
        <v>20.7</v>
      </c>
      <c r="G2766" s="46">
        <v>49.8</v>
      </c>
      <c r="H2766" s="46">
        <v>12.6</v>
      </c>
      <c r="I2766" s="47">
        <v>9.1</v>
      </c>
    </row>
    <row r="2767" spans="1:25" x14ac:dyDescent="0.2">
      <c r="B2767" s="76"/>
      <c r="C2767" s="39" t="s">
        <v>69</v>
      </c>
      <c r="D2767" s="45">
        <v>189</v>
      </c>
      <c r="E2767" s="46">
        <v>34.9</v>
      </c>
      <c r="F2767" s="46">
        <v>37</v>
      </c>
      <c r="G2767" s="46">
        <v>22.8</v>
      </c>
      <c r="H2767" s="46">
        <v>1.6</v>
      </c>
      <c r="I2767" s="47">
        <v>3.7</v>
      </c>
    </row>
    <row r="2768" spans="1:25" x14ac:dyDescent="0.2">
      <c r="B2768" s="76"/>
      <c r="C2768" s="39" t="s">
        <v>70</v>
      </c>
      <c r="D2768" s="45">
        <v>914</v>
      </c>
      <c r="E2768" s="46">
        <v>39.4</v>
      </c>
      <c r="F2768" s="46">
        <v>27.5</v>
      </c>
      <c r="G2768" s="46">
        <v>28.1</v>
      </c>
      <c r="H2768" s="46">
        <v>2.7</v>
      </c>
      <c r="I2768" s="47">
        <v>2.2999999999999998</v>
      </c>
    </row>
    <row r="2769" spans="1:25" ht="21.6" x14ac:dyDescent="0.2">
      <c r="B2769" s="76"/>
      <c r="C2769" s="39" t="s">
        <v>63</v>
      </c>
      <c r="D2769" s="45">
        <v>193</v>
      </c>
      <c r="E2769" s="46">
        <v>37.799999999999997</v>
      </c>
      <c r="F2769" s="46">
        <v>22.3</v>
      </c>
      <c r="G2769" s="46">
        <v>32.1</v>
      </c>
      <c r="H2769" s="46">
        <v>3.6</v>
      </c>
      <c r="I2769" s="47">
        <v>4.0999999999999996</v>
      </c>
    </row>
    <row r="2770" spans="1:25" x14ac:dyDescent="0.2">
      <c r="B2770" s="76"/>
      <c r="C2770" s="39" t="s">
        <v>64</v>
      </c>
      <c r="D2770" s="45">
        <v>203</v>
      </c>
      <c r="E2770" s="46">
        <v>27.6</v>
      </c>
      <c r="F2770" s="46">
        <v>32</v>
      </c>
      <c r="G2770" s="46">
        <v>34.5</v>
      </c>
      <c r="H2770" s="46">
        <v>3.9</v>
      </c>
      <c r="I2770" s="47">
        <v>2</v>
      </c>
    </row>
    <row r="2771" spans="1:25" x14ac:dyDescent="0.2">
      <c r="B2771" s="76"/>
      <c r="C2771" s="39" t="s">
        <v>65</v>
      </c>
      <c r="D2771" s="45">
        <v>263</v>
      </c>
      <c r="E2771" s="46">
        <v>41.4</v>
      </c>
      <c r="F2771" s="46">
        <v>29.3</v>
      </c>
      <c r="G2771" s="46">
        <v>26.6</v>
      </c>
      <c r="H2771" s="46">
        <v>1.5</v>
      </c>
      <c r="I2771" s="47">
        <v>1.1000000000000001</v>
      </c>
    </row>
    <row r="2772" spans="1:25" x14ac:dyDescent="0.2">
      <c r="B2772" s="76"/>
      <c r="C2772" s="39" t="s">
        <v>66</v>
      </c>
      <c r="D2772" s="45">
        <v>194</v>
      </c>
      <c r="E2772" s="46">
        <v>46.4</v>
      </c>
      <c r="F2772" s="46">
        <v>26.3</v>
      </c>
      <c r="G2772" s="46">
        <v>23.2</v>
      </c>
      <c r="H2772" s="46">
        <v>2.1</v>
      </c>
      <c r="I2772" s="47">
        <v>2.1</v>
      </c>
    </row>
    <row r="2773" spans="1:25" x14ac:dyDescent="0.2">
      <c r="B2773" s="76"/>
      <c r="C2773" s="39" t="s">
        <v>67</v>
      </c>
      <c r="D2773" s="45">
        <v>61</v>
      </c>
      <c r="E2773" s="46">
        <v>52.5</v>
      </c>
      <c r="F2773" s="46">
        <v>24.6</v>
      </c>
      <c r="G2773" s="46">
        <v>16.399999999999999</v>
      </c>
      <c r="H2773" s="46">
        <v>3.3</v>
      </c>
      <c r="I2773" s="47">
        <v>3.3</v>
      </c>
    </row>
    <row r="2774" spans="1:25" x14ac:dyDescent="0.2">
      <c r="B2774" s="76"/>
      <c r="C2774" s="39" t="s">
        <v>68</v>
      </c>
      <c r="D2774" s="45">
        <v>416</v>
      </c>
      <c r="E2774" s="46">
        <v>12.7</v>
      </c>
      <c r="F2774" s="46">
        <v>33.4</v>
      </c>
      <c r="G2774" s="46">
        <v>46.6</v>
      </c>
      <c r="H2774" s="46">
        <v>3.6</v>
      </c>
      <c r="I2774" s="47">
        <v>3.6</v>
      </c>
    </row>
    <row r="2775" spans="1:25" x14ac:dyDescent="0.2">
      <c r="B2775" s="76"/>
      <c r="C2775" s="40" t="s">
        <v>69</v>
      </c>
      <c r="D2775" s="48">
        <v>498</v>
      </c>
      <c r="E2775" s="49">
        <v>61.6</v>
      </c>
      <c r="F2775" s="49">
        <v>22.5</v>
      </c>
      <c r="G2775" s="49">
        <v>12.7</v>
      </c>
      <c r="H2775" s="49">
        <v>2</v>
      </c>
      <c r="I2775" s="50">
        <v>1.2</v>
      </c>
    </row>
    <row r="2777" spans="1:25" x14ac:dyDescent="0.2">
      <c r="A2777" s="26" t="s">
        <v>25</v>
      </c>
      <c r="B2777" t="s">
        <v>35</v>
      </c>
      <c r="C2777" t="s">
        <v>35</v>
      </c>
    </row>
    <row r="2778" spans="1:25" x14ac:dyDescent="0.2">
      <c r="B2778" s="74" t="s">
        <v>161</v>
      </c>
      <c r="C2778" s="75"/>
      <c r="D2778" s="75"/>
      <c r="E2778" s="75"/>
      <c r="F2778" s="75"/>
      <c r="G2778" s="75"/>
      <c r="H2778" s="75"/>
      <c r="I2778" s="75"/>
      <c r="J2778" s="75"/>
      <c r="K2778" s="75"/>
      <c r="L2778" s="75"/>
      <c r="M2778" s="75"/>
      <c r="N2778" s="75"/>
      <c r="O2778" s="75"/>
      <c r="P2778" s="75"/>
      <c r="Q2778" s="75"/>
      <c r="R2778" s="75"/>
      <c r="S2778" s="75"/>
      <c r="T2778" s="75"/>
      <c r="U2778" s="75"/>
      <c r="V2778" s="75"/>
      <c r="W2778" s="75"/>
      <c r="X2778" s="75"/>
      <c r="Y2778" s="75"/>
    </row>
    <row r="2779" spans="1:25" s="32" customFormat="1" ht="36.450000000000003" customHeight="1" x14ac:dyDescent="0.15">
      <c r="A2779" s="31"/>
      <c r="D2779" s="33" t="s">
        <v>242</v>
      </c>
      <c r="E2779" s="35" t="s">
        <v>429</v>
      </c>
      <c r="F2779" s="37" t="s">
        <v>430</v>
      </c>
      <c r="G2779" s="34" t="s">
        <v>251</v>
      </c>
    </row>
    <row r="2780" spans="1:25" x14ac:dyDescent="0.2">
      <c r="B2780" s="5"/>
      <c r="C2780" s="41" t="s">
        <v>38</v>
      </c>
      <c r="D2780" s="42">
        <v>2000</v>
      </c>
      <c r="E2780" s="43">
        <v>50.1</v>
      </c>
      <c r="F2780" s="44">
        <v>49.9</v>
      </c>
    </row>
    <row r="2781" spans="1:25" x14ac:dyDescent="0.2">
      <c r="B2781" s="76" t="s">
        <v>37</v>
      </c>
      <c r="C2781" s="39" t="s">
        <v>39</v>
      </c>
      <c r="D2781" s="45">
        <v>111</v>
      </c>
      <c r="E2781" s="46">
        <v>37.799999999999997</v>
      </c>
      <c r="F2781" s="47">
        <v>62.2</v>
      </c>
    </row>
    <row r="2782" spans="1:25" x14ac:dyDescent="0.2">
      <c r="B2782" s="76"/>
      <c r="C2782" s="39" t="s">
        <v>40</v>
      </c>
      <c r="D2782" s="45">
        <v>450</v>
      </c>
      <c r="E2782" s="46">
        <v>38.200000000000003</v>
      </c>
      <c r="F2782" s="47">
        <v>61.8</v>
      </c>
    </row>
    <row r="2783" spans="1:25" ht="21.6" x14ac:dyDescent="0.2">
      <c r="B2783" s="76"/>
      <c r="C2783" s="39" t="s">
        <v>41</v>
      </c>
      <c r="D2783" s="45">
        <v>30</v>
      </c>
      <c r="E2783" s="46">
        <v>60</v>
      </c>
      <c r="F2783" s="47">
        <v>40</v>
      </c>
    </row>
    <row r="2784" spans="1:25" ht="21.6" x14ac:dyDescent="0.2">
      <c r="B2784" s="76"/>
      <c r="C2784" s="39" t="s">
        <v>42</v>
      </c>
      <c r="D2784" s="45">
        <v>336</v>
      </c>
      <c r="E2784" s="46">
        <v>38.1</v>
      </c>
      <c r="F2784" s="47">
        <v>61.9</v>
      </c>
    </row>
    <row r="2785" spans="2:6" ht="21.6" x14ac:dyDescent="0.2">
      <c r="B2785" s="76"/>
      <c r="C2785" s="39" t="s">
        <v>43</v>
      </c>
      <c r="D2785" s="45">
        <v>327</v>
      </c>
      <c r="E2785" s="46">
        <v>63.9</v>
      </c>
      <c r="F2785" s="47">
        <v>36.1</v>
      </c>
    </row>
    <row r="2786" spans="2:6" ht="21.6" x14ac:dyDescent="0.2">
      <c r="B2786" s="76"/>
      <c r="C2786" s="39" t="s">
        <v>44</v>
      </c>
      <c r="D2786" s="45">
        <v>181</v>
      </c>
      <c r="E2786" s="46">
        <v>51.4</v>
      </c>
      <c r="F2786" s="47">
        <v>48.6</v>
      </c>
    </row>
    <row r="2787" spans="2:6" ht="21.6" x14ac:dyDescent="0.2">
      <c r="B2787" s="76"/>
      <c r="C2787" s="39" t="s">
        <v>45</v>
      </c>
      <c r="D2787" s="45">
        <v>565</v>
      </c>
      <c r="E2787" s="46">
        <v>60.2</v>
      </c>
      <c r="F2787" s="47">
        <v>39.799999999999997</v>
      </c>
    </row>
    <row r="2788" spans="2:6" ht="21.6" x14ac:dyDescent="0.2">
      <c r="B2788" s="76"/>
      <c r="C2788" s="39" t="s">
        <v>46</v>
      </c>
      <c r="D2788" s="45">
        <v>473</v>
      </c>
      <c r="E2788" s="46">
        <v>60.5</v>
      </c>
      <c r="F2788" s="47">
        <v>39.5</v>
      </c>
    </row>
    <row r="2789" spans="2:6" ht="21.6" x14ac:dyDescent="0.2">
      <c r="B2789" s="76"/>
      <c r="C2789" s="39" t="s">
        <v>47</v>
      </c>
      <c r="D2789" s="45">
        <v>441</v>
      </c>
      <c r="E2789" s="46">
        <v>49</v>
      </c>
      <c r="F2789" s="47">
        <v>51</v>
      </c>
    </row>
    <row r="2790" spans="2:6" ht="21.6" x14ac:dyDescent="0.2">
      <c r="B2790" s="76"/>
      <c r="C2790" s="39" t="s">
        <v>48</v>
      </c>
      <c r="D2790" s="45">
        <v>305</v>
      </c>
      <c r="E2790" s="46">
        <v>44.6</v>
      </c>
      <c r="F2790" s="47">
        <v>55.4</v>
      </c>
    </row>
    <row r="2791" spans="2:6" ht="21.6" x14ac:dyDescent="0.2">
      <c r="B2791" s="76"/>
      <c r="C2791" s="39" t="s">
        <v>49</v>
      </c>
      <c r="D2791" s="45">
        <v>223</v>
      </c>
      <c r="E2791" s="46">
        <v>39</v>
      </c>
      <c r="F2791" s="47">
        <v>61</v>
      </c>
    </row>
    <row r="2792" spans="2:6" ht="21.6" x14ac:dyDescent="0.2">
      <c r="B2792" s="76"/>
      <c r="C2792" s="39" t="s">
        <v>50</v>
      </c>
      <c r="D2792" s="45">
        <v>123</v>
      </c>
      <c r="E2792" s="46">
        <v>36.6</v>
      </c>
      <c r="F2792" s="47">
        <v>63.4</v>
      </c>
    </row>
    <row r="2793" spans="2:6" ht="21.6" x14ac:dyDescent="0.2">
      <c r="B2793" s="76"/>
      <c r="C2793" s="39" t="s">
        <v>51</v>
      </c>
      <c r="D2793" s="45">
        <v>124</v>
      </c>
      <c r="E2793" s="46">
        <v>35.5</v>
      </c>
      <c r="F2793" s="47">
        <v>64.5</v>
      </c>
    </row>
    <row r="2794" spans="2:6" ht="21.6" x14ac:dyDescent="0.2">
      <c r="B2794" s="76"/>
      <c r="C2794" s="39" t="s">
        <v>52</v>
      </c>
      <c r="D2794" s="45">
        <v>312</v>
      </c>
      <c r="E2794" s="46">
        <v>59.6</v>
      </c>
      <c r="F2794" s="47">
        <v>40.4</v>
      </c>
    </row>
    <row r="2795" spans="2:6" x14ac:dyDescent="0.2">
      <c r="B2795" s="76"/>
      <c r="C2795" s="39" t="s">
        <v>53</v>
      </c>
      <c r="D2795" s="45">
        <v>269</v>
      </c>
      <c r="E2795" s="46">
        <v>55.4</v>
      </c>
      <c r="F2795" s="47">
        <v>44.6</v>
      </c>
    </row>
    <row r="2796" spans="2:6" ht="21.6" x14ac:dyDescent="0.2">
      <c r="B2796" s="76"/>
      <c r="C2796" s="39" t="s">
        <v>54</v>
      </c>
      <c r="D2796" s="45">
        <v>511</v>
      </c>
      <c r="E2796" s="46">
        <v>39.299999999999997</v>
      </c>
      <c r="F2796" s="47">
        <v>60.7</v>
      </c>
    </row>
    <row r="2797" spans="2:6" ht="21.6" x14ac:dyDescent="0.2">
      <c r="B2797" s="76"/>
      <c r="C2797" s="39" t="s">
        <v>55</v>
      </c>
      <c r="D2797" s="45">
        <v>615</v>
      </c>
      <c r="E2797" s="46">
        <v>42.1</v>
      </c>
      <c r="F2797" s="47">
        <v>57.9</v>
      </c>
    </row>
    <row r="2798" spans="2:6" ht="21.6" x14ac:dyDescent="0.2">
      <c r="B2798" s="76"/>
      <c r="C2798" s="39" t="s">
        <v>56</v>
      </c>
      <c r="D2798" s="45">
        <v>800</v>
      </c>
      <c r="E2798" s="46">
        <v>45.5</v>
      </c>
      <c r="F2798" s="47">
        <v>54.5</v>
      </c>
    </row>
    <row r="2799" spans="2:6" x14ac:dyDescent="0.2">
      <c r="B2799" s="76"/>
      <c r="C2799" s="40" t="s">
        <v>57</v>
      </c>
      <c r="D2799" s="48">
        <v>798</v>
      </c>
      <c r="E2799" s="49">
        <v>44.7</v>
      </c>
      <c r="F2799" s="50">
        <v>55.3</v>
      </c>
    </row>
    <row r="2801" spans="1:25" x14ac:dyDescent="0.2">
      <c r="C2801" t="s">
        <v>35</v>
      </c>
    </row>
    <row r="2802" spans="1:25" x14ac:dyDescent="0.2">
      <c r="B2802" s="74" t="s">
        <v>232</v>
      </c>
      <c r="C2802" s="75"/>
      <c r="D2802" s="75"/>
      <c r="E2802" s="75"/>
      <c r="F2802" s="75"/>
      <c r="G2802" s="75"/>
      <c r="H2802" s="75"/>
      <c r="I2802" s="75"/>
      <c r="J2802" s="75"/>
      <c r="K2802" s="75"/>
      <c r="L2802" s="75"/>
      <c r="M2802" s="75"/>
      <c r="N2802" s="75"/>
      <c r="O2802" s="75"/>
      <c r="P2802" s="75"/>
      <c r="Q2802" s="75"/>
      <c r="R2802" s="75"/>
      <c r="S2802" s="75"/>
      <c r="T2802" s="75"/>
      <c r="U2802" s="75"/>
      <c r="V2802" s="75"/>
      <c r="W2802" s="75"/>
      <c r="X2802" s="75"/>
      <c r="Y2802" s="75"/>
    </row>
    <row r="2803" spans="1:25" s="32" customFormat="1" ht="36.450000000000003" customHeight="1" x14ac:dyDescent="0.15">
      <c r="A2803" s="31"/>
      <c r="D2803" s="33" t="s">
        <v>242</v>
      </c>
      <c r="E2803" s="35" t="s">
        <v>429</v>
      </c>
      <c r="F2803" s="37" t="s">
        <v>430</v>
      </c>
      <c r="G2803" s="34" t="s">
        <v>251</v>
      </c>
    </row>
    <row r="2804" spans="1:25" ht="21.6" x14ac:dyDescent="0.2">
      <c r="B2804" s="76" t="s">
        <v>37</v>
      </c>
      <c r="C2804" s="38" t="s">
        <v>58</v>
      </c>
      <c r="D2804" s="51">
        <v>609</v>
      </c>
      <c r="E2804" s="52">
        <v>47.1</v>
      </c>
      <c r="F2804" s="53">
        <v>52.9</v>
      </c>
    </row>
    <row r="2805" spans="1:25" ht="21.6" x14ac:dyDescent="0.2">
      <c r="B2805" s="76"/>
      <c r="C2805" s="39" t="s">
        <v>59</v>
      </c>
      <c r="D2805" s="45">
        <v>1391</v>
      </c>
      <c r="E2805" s="46">
        <v>51.4</v>
      </c>
      <c r="F2805" s="47">
        <v>48.6</v>
      </c>
    </row>
    <row r="2806" spans="1:25" x14ac:dyDescent="0.2">
      <c r="B2806" s="76"/>
      <c r="C2806" s="39" t="s">
        <v>60</v>
      </c>
      <c r="D2806" s="45">
        <v>1325</v>
      </c>
      <c r="E2806" s="46">
        <v>49.2</v>
      </c>
      <c r="F2806" s="47">
        <v>50.8</v>
      </c>
    </row>
    <row r="2807" spans="1:25" x14ac:dyDescent="0.2">
      <c r="B2807" s="76"/>
      <c r="C2807" s="39" t="s">
        <v>61</v>
      </c>
      <c r="D2807" s="45">
        <v>675</v>
      </c>
      <c r="E2807" s="46">
        <v>51.9</v>
      </c>
      <c r="F2807" s="47">
        <v>48.1</v>
      </c>
    </row>
    <row r="2808" spans="1:25" x14ac:dyDescent="0.2">
      <c r="B2808" s="76"/>
      <c r="C2808" s="39" t="s">
        <v>62</v>
      </c>
      <c r="D2808" s="45">
        <v>1086</v>
      </c>
      <c r="E2808" s="46">
        <v>36</v>
      </c>
      <c r="F2808" s="47">
        <v>64</v>
      </c>
    </row>
    <row r="2809" spans="1:25" ht="21.6" x14ac:dyDescent="0.2">
      <c r="B2809" s="76"/>
      <c r="C2809" s="39" t="s">
        <v>63</v>
      </c>
      <c r="D2809" s="45">
        <v>203</v>
      </c>
      <c r="E2809" s="46">
        <v>49.8</v>
      </c>
      <c r="F2809" s="47">
        <v>50.2</v>
      </c>
    </row>
    <row r="2810" spans="1:25" x14ac:dyDescent="0.2">
      <c r="B2810" s="76"/>
      <c r="C2810" s="39" t="s">
        <v>64</v>
      </c>
      <c r="D2810" s="45">
        <v>263</v>
      </c>
      <c r="E2810" s="46">
        <v>33.799999999999997</v>
      </c>
      <c r="F2810" s="47">
        <v>66.2</v>
      </c>
    </row>
    <row r="2811" spans="1:25" x14ac:dyDescent="0.2">
      <c r="B2811" s="76"/>
      <c r="C2811" s="39" t="s">
        <v>65</v>
      </c>
      <c r="D2811" s="45">
        <v>312</v>
      </c>
      <c r="E2811" s="46">
        <v>28.5</v>
      </c>
      <c r="F2811" s="47">
        <v>71.5</v>
      </c>
    </row>
    <row r="2812" spans="1:25" x14ac:dyDescent="0.2">
      <c r="B2812" s="76"/>
      <c r="C2812" s="39" t="s">
        <v>66</v>
      </c>
      <c r="D2812" s="45">
        <v>230</v>
      </c>
      <c r="E2812" s="46">
        <v>27.8</v>
      </c>
      <c r="F2812" s="47">
        <v>72.2</v>
      </c>
    </row>
    <row r="2813" spans="1:25" x14ac:dyDescent="0.2">
      <c r="B2813" s="76"/>
      <c r="C2813" s="39" t="s">
        <v>67</v>
      </c>
      <c r="D2813" s="45">
        <v>78</v>
      </c>
      <c r="E2813" s="46">
        <v>61.5</v>
      </c>
      <c r="F2813" s="47">
        <v>38.5</v>
      </c>
    </row>
    <row r="2814" spans="1:25" x14ac:dyDescent="0.2">
      <c r="B2814" s="76"/>
      <c r="C2814" s="39" t="s">
        <v>68</v>
      </c>
      <c r="D2814" s="45">
        <v>897</v>
      </c>
      <c r="E2814" s="46">
        <v>28.4</v>
      </c>
      <c r="F2814" s="47">
        <v>71.599999999999994</v>
      </c>
    </row>
    <row r="2815" spans="1:25" x14ac:dyDescent="0.2">
      <c r="B2815" s="76"/>
      <c r="C2815" s="39" t="s">
        <v>69</v>
      </c>
      <c r="D2815" s="45">
        <v>189</v>
      </c>
      <c r="E2815" s="46">
        <v>72</v>
      </c>
      <c r="F2815" s="47">
        <v>28</v>
      </c>
    </row>
    <row r="2816" spans="1:25" x14ac:dyDescent="0.2">
      <c r="B2816" s="76"/>
      <c r="C2816" s="39" t="s">
        <v>70</v>
      </c>
      <c r="D2816" s="45">
        <v>914</v>
      </c>
      <c r="E2816" s="46">
        <v>66.8</v>
      </c>
      <c r="F2816" s="47">
        <v>33.200000000000003</v>
      </c>
    </row>
    <row r="2817" spans="1:25" ht="21.6" x14ac:dyDescent="0.2">
      <c r="B2817" s="76"/>
      <c r="C2817" s="39" t="s">
        <v>63</v>
      </c>
      <c r="D2817" s="45">
        <v>193</v>
      </c>
      <c r="E2817" s="46">
        <v>60.1</v>
      </c>
      <c r="F2817" s="47">
        <v>39.9</v>
      </c>
    </row>
    <row r="2818" spans="1:25" x14ac:dyDescent="0.2">
      <c r="B2818" s="76"/>
      <c r="C2818" s="39" t="s">
        <v>64</v>
      </c>
      <c r="D2818" s="45">
        <v>203</v>
      </c>
      <c r="E2818" s="46">
        <v>59.6</v>
      </c>
      <c r="F2818" s="47">
        <v>40.4</v>
      </c>
    </row>
    <row r="2819" spans="1:25" x14ac:dyDescent="0.2">
      <c r="B2819" s="76"/>
      <c r="C2819" s="39" t="s">
        <v>65</v>
      </c>
      <c r="D2819" s="45">
        <v>263</v>
      </c>
      <c r="E2819" s="46">
        <v>70.7</v>
      </c>
      <c r="F2819" s="47">
        <v>29.3</v>
      </c>
    </row>
    <row r="2820" spans="1:25" x14ac:dyDescent="0.2">
      <c r="B2820" s="76"/>
      <c r="C2820" s="39" t="s">
        <v>66</v>
      </c>
      <c r="D2820" s="45">
        <v>194</v>
      </c>
      <c r="E2820" s="46">
        <v>72.7</v>
      </c>
      <c r="F2820" s="47">
        <v>27.3</v>
      </c>
    </row>
    <row r="2821" spans="1:25" x14ac:dyDescent="0.2">
      <c r="B2821" s="76"/>
      <c r="C2821" s="39" t="s">
        <v>67</v>
      </c>
      <c r="D2821" s="45">
        <v>61</v>
      </c>
      <c r="E2821" s="46">
        <v>77</v>
      </c>
      <c r="F2821" s="47">
        <v>23</v>
      </c>
    </row>
    <row r="2822" spans="1:25" x14ac:dyDescent="0.2">
      <c r="B2822" s="76"/>
      <c r="C2822" s="39" t="s">
        <v>68</v>
      </c>
      <c r="D2822" s="45">
        <v>416</v>
      </c>
      <c r="E2822" s="46">
        <v>46.2</v>
      </c>
      <c r="F2822" s="47">
        <v>53.8</v>
      </c>
    </row>
    <row r="2823" spans="1:25" x14ac:dyDescent="0.2">
      <c r="B2823" s="76"/>
      <c r="C2823" s="40" t="s">
        <v>69</v>
      </c>
      <c r="D2823" s="48">
        <v>498</v>
      </c>
      <c r="E2823" s="49">
        <v>84.1</v>
      </c>
      <c r="F2823" s="50">
        <v>15.9</v>
      </c>
    </row>
    <row r="2825" spans="1:25" x14ac:dyDescent="0.2">
      <c r="A2825" s="26" t="s">
        <v>25</v>
      </c>
      <c r="B2825" t="s">
        <v>35</v>
      </c>
      <c r="C2825" t="s">
        <v>35</v>
      </c>
    </row>
    <row r="2826" spans="1:25" x14ac:dyDescent="0.2">
      <c r="B2826" s="74" t="s">
        <v>162</v>
      </c>
      <c r="C2826" s="75"/>
      <c r="D2826" s="75"/>
      <c r="E2826" s="75"/>
      <c r="F2826" s="75"/>
      <c r="G2826" s="75"/>
      <c r="H2826" s="75"/>
      <c r="I2826" s="75"/>
      <c r="J2826" s="75"/>
      <c r="K2826" s="75"/>
      <c r="L2826" s="75"/>
      <c r="M2826" s="75"/>
      <c r="N2826" s="75"/>
      <c r="O2826" s="75"/>
      <c r="P2826" s="75"/>
      <c r="Q2826" s="75"/>
      <c r="R2826" s="75"/>
      <c r="S2826" s="75"/>
      <c r="T2826" s="75"/>
      <c r="U2826" s="75"/>
      <c r="V2826" s="75"/>
      <c r="W2826" s="75"/>
      <c r="X2826" s="75"/>
      <c r="Y2826" s="75"/>
    </row>
    <row r="2827" spans="1:25" s="32" customFormat="1" ht="36.450000000000003" customHeight="1" x14ac:dyDescent="0.15">
      <c r="A2827" s="31"/>
      <c r="D2827" s="33" t="s">
        <v>242</v>
      </c>
      <c r="E2827" s="35" t="s">
        <v>431</v>
      </c>
      <c r="F2827" s="37" t="s">
        <v>432</v>
      </c>
      <c r="G2827" s="34" t="s">
        <v>251</v>
      </c>
    </row>
    <row r="2828" spans="1:25" x14ac:dyDescent="0.2">
      <c r="B2828" s="5"/>
      <c r="C2828" s="41" t="s">
        <v>38</v>
      </c>
      <c r="D2828" s="42">
        <v>2000</v>
      </c>
      <c r="E2828" s="43">
        <v>32.5</v>
      </c>
      <c r="F2828" s="44">
        <v>67.5</v>
      </c>
    </row>
    <row r="2829" spans="1:25" x14ac:dyDescent="0.2">
      <c r="B2829" s="76" t="s">
        <v>37</v>
      </c>
      <c r="C2829" s="39" t="s">
        <v>39</v>
      </c>
      <c r="D2829" s="45">
        <v>111</v>
      </c>
      <c r="E2829" s="46">
        <v>20.7</v>
      </c>
      <c r="F2829" s="47">
        <v>79.3</v>
      </c>
    </row>
    <row r="2830" spans="1:25" x14ac:dyDescent="0.2">
      <c r="B2830" s="76"/>
      <c r="C2830" s="39" t="s">
        <v>40</v>
      </c>
      <c r="D2830" s="45">
        <v>450</v>
      </c>
      <c r="E2830" s="46">
        <v>20.399999999999999</v>
      </c>
      <c r="F2830" s="47">
        <v>79.599999999999994</v>
      </c>
    </row>
    <row r="2831" spans="1:25" ht="21.6" x14ac:dyDescent="0.2">
      <c r="B2831" s="76"/>
      <c r="C2831" s="39" t="s">
        <v>41</v>
      </c>
      <c r="D2831" s="45">
        <v>30</v>
      </c>
      <c r="E2831" s="46">
        <v>40</v>
      </c>
      <c r="F2831" s="47">
        <v>60</v>
      </c>
    </row>
    <row r="2832" spans="1:25" ht="21.6" x14ac:dyDescent="0.2">
      <c r="B2832" s="76"/>
      <c r="C2832" s="39" t="s">
        <v>42</v>
      </c>
      <c r="D2832" s="45">
        <v>336</v>
      </c>
      <c r="E2832" s="46">
        <v>21.7</v>
      </c>
      <c r="F2832" s="47">
        <v>78.3</v>
      </c>
    </row>
    <row r="2833" spans="2:6" ht="21.6" x14ac:dyDescent="0.2">
      <c r="B2833" s="76"/>
      <c r="C2833" s="39" t="s">
        <v>43</v>
      </c>
      <c r="D2833" s="45">
        <v>327</v>
      </c>
      <c r="E2833" s="46">
        <v>49.8</v>
      </c>
      <c r="F2833" s="47">
        <v>50.2</v>
      </c>
    </row>
    <row r="2834" spans="2:6" ht="21.6" x14ac:dyDescent="0.2">
      <c r="B2834" s="76"/>
      <c r="C2834" s="39" t="s">
        <v>44</v>
      </c>
      <c r="D2834" s="45">
        <v>181</v>
      </c>
      <c r="E2834" s="46">
        <v>23.8</v>
      </c>
      <c r="F2834" s="47">
        <v>76.2</v>
      </c>
    </row>
    <row r="2835" spans="2:6" ht="21.6" x14ac:dyDescent="0.2">
      <c r="B2835" s="76"/>
      <c r="C2835" s="39" t="s">
        <v>45</v>
      </c>
      <c r="D2835" s="45">
        <v>565</v>
      </c>
      <c r="E2835" s="46">
        <v>43.2</v>
      </c>
      <c r="F2835" s="47">
        <v>56.8</v>
      </c>
    </row>
    <row r="2836" spans="2:6" ht="21.6" x14ac:dyDescent="0.2">
      <c r="B2836" s="76"/>
      <c r="C2836" s="39" t="s">
        <v>46</v>
      </c>
      <c r="D2836" s="45">
        <v>473</v>
      </c>
      <c r="E2836" s="46">
        <v>42.7</v>
      </c>
      <c r="F2836" s="47">
        <v>57.3</v>
      </c>
    </row>
    <row r="2837" spans="2:6" ht="21.6" x14ac:dyDescent="0.2">
      <c r="B2837" s="76"/>
      <c r="C2837" s="39" t="s">
        <v>47</v>
      </c>
      <c r="D2837" s="45">
        <v>441</v>
      </c>
      <c r="E2837" s="46">
        <v>31.5</v>
      </c>
      <c r="F2837" s="47">
        <v>68.5</v>
      </c>
    </row>
    <row r="2838" spans="2:6" ht="21.6" x14ac:dyDescent="0.2">
      <c r="B2838" s="76"/>
      <c r="C2838" s="39" t="s">
        <v>48</v>
      </c>
      <c r="D2838" s="45">
        <v>305</v>
      </c>
      <c r="E2838" s="46">
        <v>25.2</v>
      </c>
      <c r="F2838" s="47">
        <v>74.8</v>
      </c>
    </row>
    <row r="2839" spans="2:6" ht="21.6" x14ac:dyDescent="0.2">
      <c r="B2839" s="76"/>
      <c r="C2839" s="39" t="s">
        <v>49</v>
      </c>
      <c r="D2839" s="45">
        <v>223</v>
      </c>
      <c r="E2839" s="46">
        <v>19.7</v>
      </c>
      <c r="F2839" s="47">
        <v>80.3</v>
      </c>
    </row>
    <row r="2840" spans="2:6" ht="21.6" x14ac:dyDescent="0.2">
      <c r="B2840" s="76"/>
      <c r="C2840" s="39" t="s">
        <v>50</v>
      </c>
      <c r="D2840" s="45">
        <v>123</v>
      </c>
      <c r="E2840" s="46">
        <v>22.8</v>
      </c>
      <c r="F2840" s="47">
        <v>77.2</v>
      </c>
    </row>
    <row r="2841" spans="2:6" ht="21.6" x14ac:dyDescent="0.2">
      <c r="B2841" s="76"/>
      <c r="C2841" s="39" t="s">
        <v>51</v>
      </c>
      <c r="D2841" s="45">
        <v>124</v>
      </c>
      <c r="E2841" s="46">
        <v>23.4</v>
      </c>
      <c r="F2841" s="47">
        <v>76.599999999999994</v>
      </c>
    </row>
    <row r="2842" spans="2:6" ht="21.6" x14ac:dyDescent="0.2">
      <c r="B2842" s="76"/>
      <c r="C2842" s="39" t="s">
        <v>52</v>
      </c>
      <c r="D2842" s="45">
        <v>312</v>
      </c>
      <c r="E2842" s="46">
        <v>41.7</v>
      </c>
      <c r="F2842" s="47">
        <v>58.3</v>
      </c>
    </row>
    <row r="2843" spans="2:6" x14ac:dyDescent="0.2">
      <c r="B2843" s="76"/>
      <c r="C2843" s="39" t="s">
        <v>53</v>
      </c>
      <c r="D2843" s="45">
        <v>269</v>
      </c>
      <c r="E2843" s="46">
        <v>38.700000000000003</v>
      </c>
      <c r="F2843" s="47">
        <v>61.3</v>
      </c>
    </row>
    <row r="2844" spans="2:6" ht="21.6" x14ac:dyDescent="0.2">
      <c r="B2844" s="76"/>
      <c r="C2844" s="39" t="s">
        <v>54</v>
      </c>
      <c r="D2844" s="45">
        <v>511</v>
      </c>
      <c r="E2844" s="46">
        <v>23.3</v>
      </c>
      <c r="F2844" s="47">
        <v>76.7</v>
      </c>
    </row>
    <row r="2845" spans="2:6" ht="21.6" x14ac:dyDescent="0.2">
      <c r="B2845" s="76"/>
      <c r="C2845" s="39" t="s">
        <v>55</v>
      </c>
      <c r="D2845" s="45">
        <v>615</v>
      </c>
      <c r="E2845" s="46">
        <v>21.1</v>
      </c>
      <c r="F2845" s="47">
        <v>78.900000000000006</v>
      </c>
    </row>
    <row r="2846" spans="2:6" ht="21.6" x14ac:dyDescent="0.2">
      <c r="B2846" s="76"/>
      <c r="C2846" s="39" t="s">
        <v>56</v>
      </c>
      <c r="D2846" s="45">
        <v>800</v>
      </c>
      <c r="E2846" s="46">
        <v>26.9</v>
      </c>
      <c r="F2846" s="47">
        <v>73.099999999999994</v>
      </c>
    </row>
    <row r="2847" spans="2:6" x14ac:dyDescent="0.2">
      <c r="B2847" s="76"/>
      <c r="C2847" s="40" t="s">
        <v>57</v>
      </c>
      <c r="D2847" s="48">
        <v>798</v>
      </c>
      <c r="E2847" s="49">
        <v>26.8</v>
      </c>
      <c r="F2847" s="50">
        <v>73.2</v>
      </c>
    </row>
    <row r="2849" spans="1:25" x14ac:dyDescent="0.2">
      <c r="C2849" t="s">
        <v>35</v>
      </c>
    </row>
    <row r="2850" spans="1:25" x14ac:dyDescent="0.2">
      <c r="B2850" s="74" t="s">
        <v>233</v>
      </c>
      <c r="C2850" s="75"/>
      <c r="D2850" s="75"/>
      <c r="E2850" s="75"/>
      <c r="F2850" s="75"/>
      <c r="G2850" s="75"/>
      <c r="H2850" s="75"/>
      <c r="I2850" s="75"/>
      <c r="J2850" s="75"/>
      <c r="K2850" s="75"/>
      <c r="L2850" s="75"/>
      <c r="M2850" s="75"/>
      <c r="N2850" s="75"/>
      <c r="O2850" s="75"/>
      <c r="P2850" s="75"/>
      <c r="Q2850" s="75"/>
      <c r="R2850" s="75"/>
      <c r="S2850" s="75"/>
      <c r="T2850" s="75"/>
      <c r="U2850" s="75"/>
      <c r="V2850" s="75"/>
      <c r="W2850" s="75"/>
      <c r="X2850" s="75"/>
      <c r="Y2850" s="75"/>
    </row>
    <row r="2851" spans="1:25" s="32" customFormat="1" ht="36.450000000000003" customHeight="1" x14ac:dyDescent="0.15">
      <c r="A2851" s="31"/>
      <c r="D2851" s="33" t="s">
        <v>242</v>
      </c>
      <c r="E2851" s="35" t="s">
        <v>431</v>
      </c>
      <c r="F2851" s="37" t="s">
        <v>432</v>
      </c>
      <c r="G2851" s="34" t="s">
        <v>251</v>
      </c>
    </row>
    <row r="2852" spans="1:25" ht="21.6" x14ac:dyDescent="0.2">
      <c r="B2852" s="76" t="s">
        <v>37</v>
      </c>
      <c r="C2852" s="38" t="s">
        <v>58</v>
      </c>
      <c r="D2852" s="51">
        <v>609</v>
      </c>
      <c r="E2852" s="52">
        <v>28.2</v>
      </c>
      <c r="F2852" s="53">
        <v>71.8</v>
      </c>
    </row>
    <row r="2853" spans="1:25" ht="21.6" x14ac:dyDescent="0.2">
      <c r="B2853" s="76"/>
      <c r="C2853" s="39" t="s">
        <v>59</v>
      </c>
      <c r="D2853" s="45">
        <v>1391</v>
      </c>
      <c r="E2853" s="46">
        <v>34.4</v>
      </c>
      <c r="F2853" s="47">
        <v>65.599999999999994</v>
      </c>
    </row>
    <row r="2854" spans="1:25" x14ac:dyDescent="0.2">
      <c r="B2854" s="76"/>
      <c r="C2854" s="39" t="s">
        <v>60</v>
      </c>
      <c r="D2854" s="45">
        <v>1325</v>
      </c>
      <c r="E2854" s="46">
        <v>30.6</v>
      </c>
      <c r="F2854" s="47">
        <v>69.400000000000006</v>
      </c>
    </row>
    <row r="2855" spans="1:25" x14ac:dyDescent="0.2">
      <c r="B2855" s="76"/>
      <c r="C2855" s="39" t="s">
        <v>61</v>
      </c>
      <c r="D2855" s="45">
        <v>675</v>
      </c>
      <c r="E2855" s="46">
        <v>36.1</v>
      </c>
      <c r="F2855" s="47">
        <v>63.9</v>
      </c>
    </row>
    <row r="2856" spans="1:25" x14ac:dyDescent="0.2">
      <c r="B2856" s="76"/>
      <c r="C2856" s="39" t="s">
        <v>62</v>
      </c>
      <c r="D2856" s="45">
        <v>1086</v>
      </c>
      <c r="E2856" s="46">
        <v>19.2</v>
      </c>
      <c r="F2856" s="47">
        <v>80.8</v>
      </c>
    </row>
    <row r="2857" spans="1:25" ht="21.6" x14ac:dyDescent="0.2">
      <c r="B2857" s="76"/>
      <c r="C2857" s="39" t="s">
        <v>63</v>
      </c>
      <c r="D2857" s="45">
        <v>203</v>
      </c>
      <c r="E2857" s="46">
        <v>32</v>
      </c>
      <c r="F2857" s="47">
        <v>68</v>
      </c>
    </row>
    <row r="2858" spans="1:25" x14ac:dyDescent="0.2">
      <c r="B2858" s="76"/>
      <c r="C2858" s="39" t="s">
        <v>64</v>
      </c>
      <c r="D2858" s="45">
        <v>263</v>
      </c>
      <c r="E2858" s="46">
        <v>19</v>
      </c>
      <c r="F2858" s="47">
        <v>81</v>
      </c>
    </row>
    <row r="2859" spans="1:25" x14ac:dyDescent="0.2">
      <c r="B2859" s="76"/>
      <c r="C2859" s="39" t="s">
        <v>65</v>
      </c>
      <c r="D2859" s="45">
        <v>312</v>
      </c>
      <c r="E2859" s="46">
        <v>15.1</v>
      </c>
      <c r="F2859" s="47">
        <v>84.9</v>
      </c>
    </row>
    <row r="2860" spans="1:25" x14ac:dyDescent="0.2">
      <c r="B2860" s="76"/>
      <c r="C2860" s="39" t="s">
        <v>66</v>
      </c>
      <c r="D2860" s="45">
        <v>230</v>
      </c>
      <c r="E2860" s="46">
        <v>12.2</v>
      </c>
      <c r="F2860" s="47">
        <v>87.8</v>
      </c>
    </row>
    <row r="2861" spans="1:25" x14ac:dyDescent="0.2">
      <c r="B2861" s="76"/>
      <c r="C2861" s="39" t="s">
        <v>67</v>
      </c>
      <c r="D2861" s="45">
        <v>78</v>
      </c>
      <c r="E2861" s="46">
        <v>24.4</v>
      </c>
      <c r="F2861" s="47">
        <v>75.599999999999994</v>
      </c>
    </row>
    <row r="2862" spans="1:25" x14ac:dyDescent="0.2">
      <c r="B2862" s="76"/>
      <c r="C2862" s="39" t="s">
        <v>68</v>
      </c>
      <c r="D2862" s="45">
        <v>897</v>
      </c>
      <c r="E2862" s="46">
        <v>13.3</v>
      </c>
      <c r="F2862" s="47">
        <v>86.7</v>
      </c>
    </row>
    <row r="2863" spans="1:25" x14ac:dyDescent="0.2">
      <c r="B2863" s="76"/>
      <c r="C2863" s="39" t="s">
        <v>69</v>
      </c>
      <c r="D2863" s="45">
        <v>189</v>
      </c>
      <c r="E2863" s="46">
        <v>47.6</v>
      </c>
      <c r="F2863" s="47">
        <v>52.4</v>
      </c>
    </row>
    <row r="2864" spans="1:25" x14ac:dyDescent="0.2">
      <c r="B2864" s="76"/>
      <c r="C2864" s="39" t="s">
        <v>70</v>
      </c>
      <c r="D2864" s="45">
        <v>914</v>
      </c>
      <c r="E2864" s="46">
        <v>48.2</v>
      </c>
      <c r="F2864" s="47">
        <v>51.8</v>
      </c>
    </row>
    <row r="2865" spans="1:25" ht="21.6" x14ac:dyDescent="0.2">
      <c r="B2865" s="76"/>
      <c r="C2865" s="39" t="s">
        <v>63</v>
      </c>
      <c r="D2865" s="45">
        <v>193</v>
      </c>
      <c r="E2865" s="46">
        <v>44.6</v>
      </c>
      <c r="F2865" s="47">
        <v>55.4</v>
      </c>
    </row>
    <row r="2866" spans="1:25" x14ac:dyDescent="0.2">
      <c r="B2866" s="76"/>
      <c r="C2866" s="39" t="s">
        <v>64</v>
      </c>
      <c r="D2866" s="45">
        <v>203</v>
      </c>
      <c r="E2866" s="46">
        <v>40.9</v>
      </c>
      <c r="F2866" s="47">
        <v>59.1</v>
      </c>
    </row>
    <row r="2867" spans="1:25" x14ac:dyDescent="0.2">
      <c r="B2867" s="76"/>
      <c r="C2867" s="39" t="s">
        <v>65</v>
      </c>
      <c r="D2867" s="45">
        <v>263</v>
      </c>
      <c r="E2867" s="46">
        <v>50.6</v>
      </c>
      <c r="F2867" s="47">
        <v>49.4</v>
      </c>
    </row>
    <row r="2868" spans="1:25" x14ac:dyDescent="0.2">
      <c r="B2868" s="76"/>
      <c r="C2868" s="39" t="s">
        <v>66</v>
      </c>
      <c r="D2868" s="45">
        <v>194</v>
      </c>
      <c r="E2868" s="46">
        <v>53.6</v>
      </c>
      <c r="F2868" s="47">
        <v>46.4</v>
      </c>
    </row>
    <row r="2869" spans="1:25" x14ac:dyDescent="0.2">
      <c r="B2869" s="76"/>
      <c r="C2869" s="39" t="s">
        <v>67</v>
      </c>
      <c r="D2869" s="45">
        <v>61</v>
      </c>
      <c r="E2869" s="46">
        <v>57.4</v>
      </c>
      <c r="F2869" s="47">
        <v>42.6</v>
      </c>
    </row>
    <row r="2870" spans="1:25" x14ac:dyDescent="0.2">
      <c r="B2870" s="76"/>
      <c r="C2870" s="39" t="s">
        <v>68</v>
      </c>
      <c r="D2870" s="45">
        <v>416</v>
      </c>
      <c r="E2870" s="46">
        <v>22.1</v>
      </c>
      <c r="F2870" s="47">
        <v>77.900000000000006</v>
      </c>
    </row>
    <row r="2871" spans="1:25" x14ac:dyDescent="0.2">
      <c r="B2871" s="76"/>
      <c r="C2871" s="40" t="s">
        <v>69</v>
      </c>
      <c r="D2871" s="48">
        <v>498</v>
      </c>
      <c r="E2871" s="49">
        <v>70.099999999999994</v>
      </c>
      <c r="F2871" s="50">
        <v>29.9</v>
      </c>
    </row>
    <row r="2873" spans="1:25" x14ac:dyDescent="0.2">
      <c r="A2873" s="26" t="s">
        <v>25</v>
      </c>
      <c r="B2873" t="s">
        <v>35</v>
      </c>
      <c r="C2873" t="s">
        <v>35</v>
      </c>
    </row>
    <row r="2874" spans="1:25" x14ac:dyDescent="0.2">
      <c r="B2874" s="74" t="s">
        <v>163</v>
      </c>
      <c r="C2874" s="75"/>
      <c r="D2874" s="75"/>
      <c r="E2874" s="75"/>
      <c r="F2874" s="75"/>
      <c r="G2874" s="75"/>
      <c r="H2874" s="75"/>
      <c r="I2874" s="75"/>
      <c r="J2874" s="75"/>
      <c r="K2874" s="75"/>
      <c r="L2874" s="75"/>
      <c r="M2874" s="75"/>
      <c r="N2874" s="75"/>
      <c r="O2874" s="75"/>
      <c r="P2874" s="75"/>
      <c r="Q2874" s="75"/>
      <c r="R2874" s="75"/>
      <c r="S2874" s="75"/>
      <c r="T2874" s="75"/>
      <c r="U2874" s="75"/>
      <c r="V2874" s="75"/>
      <c r="W2874" s="75"/>
      <c r="X2874" s="75"/>
      <c r="Y2874" s="75"/>
    </row>
    <row r="2875" spans="1:25" s="32" customFormat="1" ht="58.05" customHeight="1" x14ac:dyDescent="0.15">
      <c r="A2875" s="31"/>
      <c r="D2875" s="33" t="s">
        <v>242</v>
      </c>
      <c r="E2875" s="35" t="s">
        <v>433</v>
      </c>
      <c r="F2875" s="36" t="s">
        <v>434</v>
      </c>
      <c r="G2875" s="36" t="s">
        <v>435</v>
      </c>
      <c r="H2875" s="36" t="s">
        <v>436</v>
      </c>
      <c r="I2875" s="36" t="s">
        <v>437</v>
      </c>
      <c r="J2875" s="36" t="s">
        <v>438</v>
      </c>
      <c r="K2875" s="36" t="s">
        <v>439</v>
      </c>
      <c r="L2875" s="36" t="s">
        <v>440</v>
      </c>
      <c r="M2875" s="36" t="s">
        <v>441</v>
      </c>
      <c r="N2875" s="36" t="s">
        <v>442</v>
      </c>
      <c r="O2875" s="36" t="s">
        <v>443</v>
      </c>
      <c r="P2875" s="36" t="s">
        <v>444</v>
      </c>
      <c r="Q2875" s="36" t="s">
        <v>445</v>
      </c>
      <c r="R2875" s="36" t="s">
        <v>446</v>
      </c>
      <c r="S2875" s="36" t="s">
        <v>447</v>
      </c>
      <c r="T2875" s="37" t="s">
        <v>276</v>
      </c>
      <c r="U2875" s="34" t="s">
        <v>251</v>
      </c>
    </row>
    <row r="2876" spans="1:25" x14ac:dyDescent="0.2">
      <c r="B2876" s="5"/>
      <c r="C2876" s="41" t="s">
        <v>38</v>
      </c>
      <c r="D2876" s="42">
        <v>2000</v>
      </c>
      <c r="E2876" s="43">
        <v>3</v>
      </c>
      <c r="F2876" s="43">
        <v>11.2</v>
      </c>
      <c r="G2876" s="43">
        <v>12</v>
      </c>
      <c r="H2876" s="43">
        <v>15.5</v>
      </c>
      <c r="I2876" s="43">
        <v>14.9</v>
      </c>
      <c r="J2876" s="43">
        <v>13.8</v>
      </c>
      <c r="K2876" s="43">
        <v>9.6</v>
      </c>
      <c r="L2876" s="43">
        <v>7</v>
      </c>
      <c r="M2876" s="43">
        <v>4.0999999999999996</v>
      </c>
      <c r="N2876" s="43">
        <v>3</v>
      </c>
      <c r="O2876" s="43">
        <v>2.2000000000000002</v>
      </c>
      <c r="P2876" s="43">
        <v>2.4</v>
      </c>
      <c r="Q2876" s="43">
        <v>0.8</v>
      </c>
      <c r="R2876" s="43">
        <v>0.5</v>
      </c>
      <c r="S2876" s="43">
        <v>0.5</v>
      </c>
      <c r="T2876" s="44">
        <v>0</v>
      </c>
    </row>
    <row r="2877" spans="1:25" x14ac:dyDescent="0.2">
      <c r="B2877" s="76" t="s">
        <v>37</v>
      </c>
      <c r="C2877" s="39" t="s">
        <v>39</v>
      </c>
      <c r="D2877" s="45">
        <v>111</v>
      </c>
      <c r="E2877" s="46">
        <v>0</v>
      </c>
      <c r="F2877" s="46">
        <v>2.7</v>
      </c>
      <c r="G2877" s="46">
        <v>5.4</v>
      </c>
      <c r="H2877" s="46">
        <v>23.4</v>
      </c>
      <c r="I2877" s="46">
        <v>13.5</v>
      </c>
      <c r="J2877" s="46">
        <v>20.7</v>
      </c>
      <c r="K2877" s="46">
        <v>11.7</v>
      </c>
      <c r="L2877" s="46">
        <v>8.1</v>
      </c>
      <c r="M2877" s="46">
        <v>9</v>
      </c>
      <c r="N2877" s="46">
        <v>1.8</v>
      </c>
      <c r="O2877" s="46">
        <v>1.8</v>
      </c>
      <c r="P2877" s="46">
        <v>0.9</v>
      </c>
      <c r="Q2877" s="46">
        <v>0</v>
      </c>
      <c r="R2877" s="46">
        <v>0.9</v>
      </c>
      <c r="S2877" s="46">
        <v>0</v>
      </c>
      <c r="T2877" s="47">
        <v>0</v>
      </c>
    </row>
    <row r="2878" spans="1:25" x14ac:dyDescent="0.2">
      <c r="B2878" s="76"/>
      <c r="C2878" s="39" t="s">
        <v>40</v>
      </c>
      <c r="D2878" s="45">
        <v>450</v>
      </c>
      <c r="E2878" s="46">
        <v>2.4</v>
      </c>
      <c r="F2878" s="46">
        <v>3.8</v>
      </c>
      <c r="G2878" s="46">
        <v>8.1999999999999993</v>
      </c>
      <c r="H2878" s="46">
        <v>11.6</v>
      </c>
      <c r="I2878" s="46">
        <v>13.8</v>
      </c>
      <c r="J2878" s="46">
        <v>17.600000000000001</v>
      </c>
      <c r="K2878" s="46">
        <v>13.1</v>
      </c>
      <c r="L2878" s="46">
        <v>10.199999999999999</v>
      </c>
      <c r="M2878" s="46">
        <v>5.0999999999999996</v>
      </c>
      <c r="N2878" s="46">
        <v>4.2</v>
      </c>
      <c r="O2878" s="46">
        <v>3.8</v>
      </c>
      <c r="P2878" s="46">
        <v>4.9000000000000004</v>
      </c>
      <c r="Q2878" s="46">
        <v>0.9</v>
      </c>
      <c r="R2878" s="46">
        <v>0.2</v>
      </c>
      <c r="S2878" s="46">
        <v>0.2</v>
      </c>
      <c r="T2878" s="47">
        <v>0</v>
      </c>
    </row>
    <row r="2879" spans="1:25" ht="21.6" x14ac:dyDescent="0.2">
      <c r="B2879" s="76"/>
      <c r="C2879" s="39" t="s">
        <v>41</v>
      </c>
      <c r="D2879" s="45">
        <v>30</v>
      </c>
      <c r="E2879" s="46">
        <v>3.3</v>
      </c>
      <c r="F2879" s="46">
        <v>16.7</v>
      </c>
      <c r="G2879" s="46">
        <v>13.3</v>
      </c>
      <c r="H2879" s="46">
        <v>13.3</v>
      </c>
      <c r="I2879" s="46">
        <v>13.3</v>
      </c>
      <c r="J2879" s="46">
        <v>13.3</v>
      </c>
      <c r="K2879" s="46">
        <v>13.3</v>
      </c>
      <c r="L2879" s="46">
        <v>0</v>
      </c>
      <c r="M2879" s="46">
        <v>3.3</v>
      </c>
      <c r="N2879" s="46">
        <v>3.3</v>
      </c>
      <c r="O2879" s="46">
        <v>3.3</v>
      </c>
      <c r="P2879" s="46">
        <v>0</v>
      </c>
      <c r="Q2879" s="46">
        <v>0</v>
      </c>
      <c r="R2879" s="46">
        <v>3.3</v>
      </c>
      <c r="S2879" s="46">
        <v>0</v>
      </c>
      <c r="T2879" s="47">
        <v>0</v>
      </c>
    </row>
    <row r="2880" spans="1:25" ht="21.6" x14ac:dyDescent="0.2">
      <c r="B2880" s="76"/>
      <c r="C2880" s="39" t="s">
        <v>42</v>
      </c>
      <c r="D2880" s="45">
        <v>336</v>
      </c>
      <c r="E2880" s="46">
        <v>3.3</v>
      </c>
      <c r="F2880" s="46">
        <v>3.9</v>
      </c>
      <c r="G2880" s="46">
        <v>7.4</v>
      </c>
      <c r="H2880" s="46">
        <v>13.7</v>
      </c>
      <c r="I2880" s="46">
        <v>14.9</v>
      </c>
      <c r="J2880" s="46">
        <v>15.2</v>
      </c>
      <c r="K2880" s="46">
        <v>13.4</v>
      </c>
      <c r="L2880" s="46">
        <v>9.5</v>
      </c>
      <c r="M2880" s="46">
        <v>6.8</v>
      </c>
      <c r="N2880" s="46">
        <v>3.3</v>
      </c>
      <c r="O2880" s="46">
        <v>3.6</v>
      </c>
      <c r="P2880" s="46">
        <v>3.3</v>
      </c>
      <c r="Q2880" s="46">
        <v>1.2</v>
      </c>
      <c r="R2880" s="46">
        <v>0.3</v>
      </c>
      <c r="S2880" s="46">
        <v>0.3</v>
      </c>
      <c r="T2880" s="47">
        <v>0</v>
      </c>
    </row>
    <row r="2881" spans="2:20" ht="21.6" x14ac:dyDescent="0.2">
      <c r="B2881" s="76"/>
      <c r="C2881" s="39" t="s">
        <v>43</v>
      </c>
      <c r="D2881" s="45">
        <v>327</v>
      </c>
      <c r="E2881" s="46">
        <v>5.2</v>
      </c>
      <c r="F2881" s="46">
        <v>22</v>
      </c>
      <c r="G2881" s="46">
        <v>21.7</v>
      </c>
      <c r="H2881" s="46">
        <v>13.8</v>
      </c>
      <c r="I2881" s="46">
        <v>13.1</v>
      </c>
      <c r="J2881" s="46">
        <v>9.5</v>
      </c>
      <c r="K2881" s="46">
        <v>5.2</v>
      </c>
      <c r="L2881" s="46">
        <v>3.4</v>
      </c>
      <c r="M2881" s="46">
        <v>1.8</v>
      </c>
      <c r="N2881" s="46">
        <v>2.1</v>
      </c>
      <c r="O2881" s="46">
        <v>1.2</v>
      </c>
      <c r="P2881" s="46">
        <v>0.3</v>
      </c>
      <c r="Q2881" s="46">
        <v>0</v>
      </c>
      <c r="R2881" s="46">
        <v>0.3</v>
      </c>
      <c r="S2881" s="46">
        <v>0.3</v>
      </c>
      <c r="T2881" s="47">
        <v>0</v>
      </c>
    </row>
    <row r="2882" spans="2:20" ht="21.6" x14ac:dyDescent="0.2">
      <c r="B2882" s="76"/>
      <c r="C2882" s="39" t="s">
        <v>44</v>
      </c>
      <c r="D2882" s="45">
        <v>181</v>
      </c>
      <c r="E2882" s="46">
        <v>1.1000000000000001</v>
      </c>
      <c r="F2882" s="46">
        <v>4.4000000000000004</v>
      </c>
      <c r="G2882" s="46">
        <v>8.3000000000000007</v>
      </c>
      <c r="H2882" s="46">
        <v>16.600000000000001</v>
      </c>
      <c r="I2882" s="46">
        <v>18.8</v>
      </c>
      <c r="J2882" s="46">
        <v>16</v>
      </c>
      <c r="K2882" s="46">
        <v>7.2</v>
      </c>
      <c r="L2882" s="46">
        <v>8.3000000000000007</v>
      </c>
      <c r="M2882" s="46">
        <v>5</v>
      </c>
      <c r="N2882" s="46">
        <v>2.8</v>
      </c>
      <c r="O2882" s="46">
        <v>2.8</v>
      </c>
      <c r="P2882" s="46">
        <v>3.9</v>
      </c>
      <c r="Q2882" s="46">
        <v>2.8</v>
      </c>
      <c r="R2882" s="46">
        <v>0.6</v>
      </c>
      <c r="S2882" s="46">
        <v>1.7</v>
      </c>
      <c r="T2882" s="47">
        <v>0</v>
      </c>
    </row>
    <row r="2883" spans="2:20" ht="21.6" x14ac:dyDescent="0.2">
      <c r="B2883" s="76"/>
      <c r="C2883" s="39" t="s">
        <v>45</v>
      </c>
      <c r="D2883" s="45">
        <v>565</v>
      </c>
      <c r="E2883" s="46">
        <v>3</v>
      </c>
      <c r="F2883" s="46">
        <v>18.600000000000001</v>
      </c>
      <c r="G2883" s="46">
        <v>14.3</v>
      </c>
      <c r="H2883" s="46">
        <v>18.899999999999999</v>
      </c>
      <c r="I2883" s="46">
        <v>15.8</v>
      </c>
      <c r="J2883" s="46">
        <v>10.3</v>
      </c>
      <c r="K2883" s="46">
        <v>7.1</v>
      </c>
      <c r="L2883" s="46">
        <v>4.5999999999999996</v>
      </c>
      <c r="M2883" s="46">
        <v>1.8</v>
      </c>
      <c r="N2883" s="46">
        <v>2.7</v>
      </c>
      <c r="O2883" s="46">
        <v>0.5</v>
      </c>
      <c r="P2883" s="46">
        <v>1.1000000000000001</v>
      </c>
      <c r="Q2883" s="46">
        <v>0.4</v>
      </c>
      <c r="R2883" s="46">
        <v>0.5</v>
      </c>
      <c r="S2883" s="46">
        <v>0.5</v>
      </c>
      <c r="T2883" s="47">
        <v>0</v>
      </c>
    </row>
    <row r="2884" spans="2:20" ht="21.6" x14ac:dyDescent="0.2">
      <c r="B2884" s="76"/>
      <c r="C2884" s="39" t="s">
        <v>46</v>
      </c>
      <c r="D2884" s="45">
        <v>473</v>
      </c>
      <c r="E2884" s="46">
        <v>2.1</v>
      </c>
      <c r="F2884" s="46">
        <v>15</v>
      </c>
      <c r="G2884" s="46">
        <v>21.6</v>
      </c>
      <c r="H2884" s="46">
        <v>31.7</v>
      </c>
      <c r="I2884" s="46">
        <v>29.6</v>
      </c>
      <c r="J2884" s="46">
        <v>0</v>
      </c>
      <c r="K2884" s="46">
        <v>0</v>
      </c>
      <c r="L2884" s="46">
        <v>0</v>
      </c>
      <c r="M2884" s="46">
        <v>0</v>
      </c>
      <c r="N2884" s="46">
        <v>0</v>
      </c>
      <c r="O2884" s="46">
        <v>0</v>
      </c>
      <c r="P2884" s="46">
        <v>0</v>
      </c>
      <c r="Q2884" s="46">
        <v>0</v>
      </c>
      <c r="R2884" s="46">
        <v>0</v>
      </c>
      <c r="S2884" s="46">
        <v>0</v>
      </c>
      <c r="T2884" s="47">
        <v>0</v>
      </c>
    </row>
    <row r="2885" spans="2:20" ht="21.6" x14ac:dyDescent="0.2">
      <c r="B2885" s="76"/>
      <c r="C2885" s="39" t="s">
        <v>47</v>
      </c>
      <c r="D2885" s="45">
        <v>441</v>
      </c>
      <c r="E2885" s="46">
        <v>0.2</v>
      </c>
      <c r="F2885" s="46">
        <v>11.8</v>
      </c>
      <c r="G2885" s="46">
        <v>8.1999999999999993</v>
      </c>
      <c r="H2885" s="46">
        <v>11.1</v>
      </c>
      <c r="I2885" s="46">
        <v>10.7</v>
      </c>
      <c r="J2885" s="46">
        <v>38.1</v>
      </c>
      <c r="K2885" s="46">
        <v>20</v>
      </c>
      <c r="L2885" s="46">
        <v>0</v>
      </c>
      <c r="M2885" s="46">
        <v>0</v>
      </c>
      <c r="N2885" s="46">
        <v>0</v>
      </c>
      <c r="O2885" s="46">
        <v>0</v>
      </c>
      <c r="P2885" s="46">
        <v>0</v>
      </c>
      <c r="Q2885" s="46">
        <v>0</v>
      </c>
      <c r="R2885" s="46">
        <v>0</v>
      </c>
      <c r="S2885" s="46">
        <v>0</v>
      </c>
      <c r="T2885" s="47">
        <v>0</v>
      </c>
    </row>
    <row r="2886" spans="2:20" ht="21.6" x14ac:dyDescent="0.2">
      <c r="B2886" s="76"/>
      <c r="C2886" s="39" t="s">
        <v>48</v>
      </c>
      <c r="D2886" s="45">
        <v>305</v>
      </c>
      <c r="E2886" s="46">
        <v>0</v>
      </c>
      <c r="F2886" s="46">
        <v>7.9</v>
      </c>
      <c r="G2886" s="46">
        <v>5.9</v>
      </c>
      <c r="H2886" s="46">
        <v>9.1999999999999993</v>
      </c>
      <c r="I2886" s="46">
        <v>9.5</v>
      </c>
      <c r="J2886" s="46">
        <v>9.1999999999999993</v>
      </c>
      <c r="K2886" s="46">
        <v>11.5</v>
      </c>
      <c r="L2886" s="46">
        <v>29.2</v>
      </c>
      <c r="M2886" s="46">
        <v>17.7</v>
      </c>
      <c r="N2886" s="46">
        <v>0</v>
      </c>
      <c r="O2886" s="46">
        <v>0</v>
      </c>
      <c r="P2886" s="46">
        <v>0</v>
      </c>
      <c r="Q2886" s="46">
        <v>0</v>
      </c>
      <c r="R2886" s="46">
        <v>0</v>
      </c>
      <c r="S2886" s="46">
        <v>0</v>
      </c>
      <c r="T2886" s="47">
        <v>0</v>
      </c>
    </row>
    <row r="2887" spans="2:20" ht="21.6" x14ac:dyDescent="0.2">
      <c r="B2887" s="76"/>
      <c r="C2887" s="39" t="s">
        <v>49</v>
      </c>
      <c r="D2887" s="45">
        <v>223</v>
      </c>
      <c r="E2887" s="46">
        <v>0.4</v>
      </c>
      <c r="F2887" s="46">
        <v>4.5</v>
      </c>
      <c r="G2887" s="46">
        <v>7.6</v>
      </c>
      <c r="H2887" s="46">
        <v>9</v>
      </c>
      <c r="I2887" s="46">
        <v>10.8</v>
      </c>
      <c r="J2887" s="46">
        <v>13.5</v>
      </c>
      <c r="K2887" s="46">
        <v>11.2</v>
      </c>
      <c r="L2887" s="46">
        <v>8.1</v>
      </c>
      <c r="M2887" s="46">
        <v>4.9000000000000004</v>
      </c>
      <c r="N2887" s="46">
        <v>16.100000000000001</v>
      </c>
      <c r="O2887" s="46">
        <v>13.9</v>
      </c>
      <c r="P2887" s="46">
        <v>0</v>
      </c>
      <c r="Q2887" s="46">
        <v>0</v>
      </c>
      <c r="R2887" s="46">
        <v>0</v>
      </c>
      <c r="S2887" s="46">
        <v>0</v>
      </c>
      <c r="T2887" s="47">
        <v>0</v>
      </c>
    </row>
    <row r="2888" spans="2:20" ht="21.6" x14ac:dyDescent="0.2">
      <c r="B2888" s="76"/>
      <c r="C2888" s="39" t="s">
        <v>50</v>
      </c>
      <c r="D2888" s="45">
        <v>123</v>
      </c>
      <c r="E2888" s="46">
        <v>0</v>
      </c>
      <c r="F2888" s="46">
        <v>8.9</v>
      </c>
      <c r="G2888" s="46">
        <v>3.3</v>
      </c>
      <c r="H2888" s="46">
        <v>6.5</v>
      </c>
      <c r="I2888" s="46">
        <v>6.5</v>
      </c>
      <c r="J2888" s="46">
        <v>8.1</v>
      </c>
      <c r="K2888" s="46">
        <v>10.6</v>
      </c>
      <c r="L2888" s="46">
        <v>8.1</v>
      </c>
      <c r="M2888" s="46">
        <v>6.5</v>
      </c>
      <c r="N2888" s="46">
        <v>8.1</v>
      </c>
      <c r="O2888" s="46">
        <v>4.9000000000000004</v>
      </c>
      <c r="P2888" s="46">
        <v>28.5</v>
      </c>
      <c r="Q2888" s="46">
        <v>0</v>
      </c>
      <c r="R2888" s="46">
        <v>0</v>
      </c>
      <c r="S2888" s="46">
        <v>0</v>
      </c>
      <c r="T2888" s="47">
        <v>0</v>
      </c>
    </row>
    <row r="2889" spans="2:20" ht="21.6" x14ac:dyDescent="0.2">
      <c r="B2889" s="76"/>
      <c r="C2889" s="39" t="s">
        <v>51</v>
      </c>
      <c r="D2889" s="45">
        <v>124</v>
      </c>
      <c r="E2889" s="46">
        <v>0</v>
      </c>
      <c r="F2889" s="46">
        <v>5.6</v>
      </c>
      <c r="G2889" s="46">
        <v>5.6</v>
      </c>
      <c r="H2889" s="46">
        <v>6.5</v>
      </c>
      <c r="I2889" s="46">
        <v>8.9</v>
      </c>
      <c r="J2889" s="46">
        <v>5.6</v>
      </c>
      <c r="K2889" s="46">
        <v>10.5</v>
      </c>
      <c r="L2889" s="46">
        <v>8.9</v>
      </c>
      <c r="M2889" s="46">
        <v>4</v>
      </c>
      <c r="N2889" s="46">
        <v>8.9</v>
      </c>
      <c r="O2889" s="46">
        <v>4</v>
      </c>
      <c r="P2889" s="46">
        <v>8.1</v>
      </c>
      <c r="Q2889" s="46">
        <v>12.1</v>
      </c>
      <c r="R2889" s="46">
        <v>6.5</v>
      </c>
      <c r="S2889" s="46">
        <v>4.8</v>
      </c>
      <c r="T2889" s="47">
        <v>0</v>
      </c>
    </row>
    <row r="2890" spans="2:20" ht="21.6" x14ac:dyDescent="0.2">
      <c r="B2890" s="76"/>
      <c r="C2890" s="39" t="s">
        <v>52</v>
      </c>
      <c r="D2890" s="45">
        <v>312</v>
      </c>
      <c r="E2890" s="46">
        <v>1.9</v>
      </c>
      <c r="F2890" s="46">
        <v>16.7</v>
      </c>
      <c r="G2890" s="46">
        <v>12.5</v>
      </c>
      <c r="H2890" s="46">
        <v>18.600000000000001</v>
      </c>
      <c r="I2890" s="46">
        <v>17.899999999999999</v>
      </c>
      <c r="J2890" s="46">
        <v>15.1</v>
      </c>
      <c r="K2890" s="46">
        <v>6.4</v>
      </c>
      <c r="L2890" s="46">
        <v>4.2</v>
      </c>
      <c r="M2890" s="46">
        <v>2.6</v>
      </c>
      <c r="N2890" s="46">
        <v>2.6</v>
      </c>
      <c r="O2890" s="46">
        <v>0.6</v>
      </c>
      <c r="P2890" s="46">
        <v>0.6</v>
      </c>
      <c r="Q2890" s="46">
        <v>0</v>
      </c>
      <c r="R2890" s="46">
        <v>0.3</v>
      </c>
      <c r="S2890" s="46">
        <v>0</v>
      </c>
      <c r="T2890" s="47">
        <v>0</v>
      </c>
    </row>
    <row r="2891" spans="2:20" x14ac:dyDescent="0.2">
      <c r="B2891" s="76"/>
      <c r="C2891" s="39" t="s">
        <v>53</v>
      </c>
      <c r="D2891" s="45">
        <v>269</v>
      </c>
      <c r="E2891" s="46">
        <v>3.3</v>
      </c>
      <c r="F2891" s="46">
        <v>13.8</v>
      </c>
      <c r="G2891" s="46">
        <v>13.4</v>
      </c>
      <c r="H2891" s="46">
        <v>18.600000000000001</v>
      </c>
      <c r="I2891" s="46">
        <v>17.5</v>
      </c>
      <c r="J2891" s="46">
        <v>12.6</v>
      </c>
      <c r="K2891" s="46">
        <v>10.4</v>
      </c>
      <c r="L2891" s="46">
        <v>3.7</v>
      </c>
      <c r="M2891" s="46">
        <v>3</v>
      </c>
      <c r="N2891" s="46">
        <v>1.1000000000000001</v>
      </c>
      <c r="O2891" s="46">
        <v>0.7</v>
      </c>
      <c r="P2891" s="46">
        <v>0.4</v>
      </c>
      <c r="Q2891" s="46">
        <v>0.7</v>
      </c>
      <c r="R2891" s="46">
        <v>0</v>
      </c>
      <c r="S2891" s="46">
        <v>0.7</v>
      </c>
      <c r="T2891" s="47">
        <v>0</v>
      </c>
    </row>
    <row r="2892" spans="2:20" ht="21.6" x14ac:dyDescent="0.2">
      <c r="B2892" s="76"/>
      <c r="C2892" s="39" t="s">
        <v>54</v>
      </c>
      <c r="D2892" s="45">
        <v>511</v>
      </c>
      <c r="E2892" s="46">
        <v>2.2000000000000002</v>
      </c>
      <c r="F2892" s="46">
        <v>5.3</v>
      </c>
      <c r="G2892" s="46">
        <v>8.4</v>
      </c>
      <c r="H2892" s="46">
        <v>16.2</v>
      </c>
      <c r="I2892" s="46">
        <v>17.600000000000001</v>
      </c>
      <c r="J2892" s="46">
        <v>16.399999999999999</v>
      </c>
      <c r="K2892" s="46">
        <v>12.7</v>
      </c>
      <c r="L2892" s="46">
        <v>9.4</v>
      </c>
      <c r="M2892" s="46">
        <v>4.3</v>
      </c>
      <c r="N2892" s="46">
        <v>3.1</v>
      </c>
      <c r="O2892" s="46">
        <v>2</v>
      </c>
      <c r="P2892" s="46">
        <v>1.6</v>
      </c>
      <c r="Q2892" s="46">
        <v>0.8</v>
      </c>
      <c r="R2892" s="46">
        <v>0</v>
      </c>
      <c r="S2892" s="46">
        <v>0</v>
      </c>
      <c r="T2892" s="47">
        <v>0</v>
      </c>
    </row>
    <row r="2893" spans="2:20" ht="21.6" x14ac:dyDescent="0.2">
      <c r="B2893" s="76"/>
      <c r="C2893" s="39" t="s">
        <v>55</v>
      </c>
      <c r="D2893" s="45">
        <v>615</v>
      </c>
      <c r="E2893" s="46">
        <v>1.8</v>
      </c>
      <c r="F2893" s="46">
        <v>5.2</v>
      </c>
      <c r="G2893" s="46">
        <v>7</v>
      </c>
      <c r="H2893" s="46">
        <v>11.7</v>
      </c>
      <c r="I2893" s="46">
        <v>13.7</v>
      </c>
      <c r="J2893" s="46">
        <v>13.8</v>
      </c>
      <c r="K2893" s="46">
        <v>11.2</v>
      </c>
      <c r="L2893" s="46">
        <v>10.4</v>
      </c>
      <c r="M2893" s="46">
        <v>6.5</v>
      </c>
      <c r="N2893" s="46">
        <v>4.7</v>
      </c>
      <c r="O2893" s="46">
        <v>4.7</v>
      </c>
      <c r="P2893" s="46">
        <v>5.9</v>
      </c>
      <c r="Q2893" s="46">
        <v>1.5</v>
      </c>
      <c r="R2893" s="46">
        <v>1.1000000000000001</v>
      </c>
      <c r="S2893" s="46">
        <v>0.8</v>
      </c>
      <c r="T2893" s="47">
        <v>0</v>
      </c>
    </row>
    <row r="2894" spans="2:20" ht="21.6" x14ac:dyDescent="0.2">
      <c r="B2894" s="76"/>
      <c r="C2894" s="39" t="s">
        <v>56</v>
      </c>
      <c r="D2894" s="45">
        <v>800</v>
      </c>
      <c r="E2894" s="46">
        <v>2.8</v>
      </c>
      <c r="F2894" s="46">
        <v>5.3</v>
      </c>
      <c r="G2894" s="46">
        <v>9</v>
      </c>
      <c r="H2894" s="46">
        <v>12.9</v>
      </c>
      <c r="I2894" s="46">
        <v>13.1</v>
      </c>
      <c r="J2894" s="46">
        <v>16</v>
      </c>
      <c r="K2894" s="46">
        <v>12</v>
      </c>
      <c r="L2894" s="46">
        <v>8.6</v>
      </c>
      <c r="M2894" s="46">
        <v>6.1</v>
      </c>
      <c r="N2894" s="46">
        <v>4.3</v>
      </c>
      <c r="O2894" s="46">
        <v>3.4</v>
      </c>
      <c r="P2894" s="46">
        <v>4.3</v>
      </c>
      <c r="Q2894" s="46">
        <v>1.1000000000000001</v>
      </c>
      <c r="R2894" s="46">
        <v>0.8</v>
      </c>
      <c r="S2894" s="46">
        <v>0.5</v>
      </c>
      <c r="T2894" s="47">
        <v>0</v>
      </c>
    </row>
    <row r="2895" spans="2:20" x14ac:dyDescent="0.2">
      <c r="B2895" s="76"/>
      <c r="C2895" s="40" t="s">
        <v>57</v>
      </c>
      <c r="D2895" s="48">
        <v>798</v>
      </c>
      <c r="E2895" s="49">
        <v>1.8</v>
      </c>
      <c r="F2895" s="49">
        <v>8.3000000000000007</v>
      </c>
      <c r="G2895" s="49">
        <v>10.8</v>
      </c>
      <c r="H2895" s="49">
        <v>16.5</v>
      </c>
      <c r="I2895" s="49">
        <v>17.7</v>
      </c>
      <c r="J2895" s="49">
        <v>14.9</v>
      </c>
      <c r="K2895" s="49">
        <v>10.7</v>
      </c>
      <c r="L2895" s="49">
        <v>7.5</v>
      </c>
      <c r="M2895" s="49">
        <v>3.9</v>
      </c>
      <c r="N2895" s="49">
        <v>2.8</v>
      </c>
      <c r="O2895" s="49">
        <v>2</v>
      </c>
      <c r="P2895" s="49">
        <v>1.8</v>
      </c>
      <c r="Q2895" s="49">
        <v>0.8</v>
      </c>
      <c r="R2895" s="49">
        <v>0.4</v>
      </c>
      <c r="S2895" s="49">
        <v>0.4</v>
      </c>
      <c r="T2895" s="50">
        <v>0</v>
      </c>
    </row>
    <row r="2896" spans="2:20" x14ac:dyDescent="0.2">
      <c r="B2896" s="7" t="s">
        <v>71</v>
      </c>
      <c r="C2896" s="4" t="s">
        <v>164</v>
      </c>
    </row>
    <row r="2897" spans="1:25" x14ac:dyDescent="0.2">
      <c r="B2897" s="4"/>
      <c r="C2897" s="4" t="s">
        <v>73</v>
      </c>
    </row>
    <row r="2899" spans="1:25" x14ac:dyDescent="0.2">
      <c r="C2899" t="s">
        <v>35</v>
      </c>
    </row>
    <row r="2900" spans="1:25" x14ac:dyDescent="0.2">
      <c r="B2900" s="74" t="s">
        <v>234</v>
      </c>
      <c r="C2900" s="75"/>
      <c r="D2900" s="75"/>
      <c r="E2900" s="75"/>
      <c r="F2900" s="75"/>
      <c r="G2900" s="75"/>
      <c r="H2900" s="75"/>
      <c r="I2900" s="75"/>
      <c r="J2900" s="75"/>
      <c r="K2900" s="75"/>
      <c r="L2900" s="75"/>
      <c r="M2900" s="75"/>
      <c r="N2900" s="75"/>
      <c r="O2900" s="75"/>
      <c r="P2900" s="75"/>
      <c r="Q2900" s="75"/>
      <c r="R2900" s="75"/>
      <c r="S2900" s="75"/>
      <c r="T2900" s="75"/>
      <c r="U2900" s="75"/>
      <c r="V2900" s="75"/>
      <c r="W2900" s="75"/>
      <c r="X2900" s="75"/>
      <c r="Y2900" s="75"/>
    </row>
    <row r="2901" spans="1:25" s="32" customFormat="1" ht="58.05" customHeight="1" x14ac:dyDescent="0.15">
      <c r="A2901" s="31"/>
      <c r="D2901" s="33" t="s">
        <v>242</v>
      </c>
      <c r="E2901" s="35" t="s">
        <v>433</v>
      </c>
      <c r="F2901" s="36" t="s">
        <v>434</v>
      </c>
      <c r="G2901" s="36" t="s">
        <v>435</v>
      </c>
      <c r="H2901" s="36" t="s">
        <v>436</v>
      </c>
      <c r="I2901" s="36" t="s">
        <v>437</v>
      </c>
      <c r="J2901" s="36" t="s">
        <v>438</v>
      </c>
      <c r="K2901" s="36" t="s">
        <v>439</v>
      </c>
      <c r="L2901" s="36" t="s">
        <v>440</v>
      </c>
      <c r="M2901" s="36" t="s">
        <v>441</v>
      </c>
      <c r="N2901" s="36" t="s">
        <v>442</v>
      </c>
      <c r="O2901" s="36" t="s">
        <v>443</v>
      </c>
      <c r="P2901" s="36" t="s">
        <v>444</v>
      </c>
      <c r="Q2901" s="36" t="s">
        <v>445</v>
      </c>
      <c r="R2901" s="36" t="s">
        <v>446</v>
      </c>
      <c r="S2901" s="36" t="s">
        <v>447</v>
      </c>
      <c r="T2901" s="37" t="s">
        <v>276</v>
      </c>
      <c r="U2901" s="34" t="s">
        <v>251</v>
      </c>
    </row>
    <row r="2902" spans="1:25" ht="21.6" x14ac:dyDescent="0.2">
      <c r="B2902" s="76" t="s">
        <v>37</v>
      </c>
      <c r="C2902" s="38" t="s">
        <v>58</v>
      </c>
      <c r="D2902" s="51">
        <v>609</v>
      </c>
      <c r="E2902" s="52">
        <v>3</v>
      </c>
      <c r="F2902" s="52">
        <v>4.4000000000000004</v>
      </c>
      <c r="G2902" s="52">
        <v>8.6999999999999993</v>
      </c>
      <c r="H2902" s="52">
        <v>13.8</v>
      </c>
      <c r="I2902" s="52">
        <v>14.6</v>
      </c>
      <c r="J2902" s="52">
        <v>18.100000000000001</v>
      </c>
      <c r="K2902" s="52">
        <v>14</v>
      </c>
      <c r="L2902" s="52">
        <v>8.5</v>
      </c>
      <c r="M2902" s="52">
        <v>6.6</v>
      </c>
      <c r="N2902" s="52">
        <v>4.3</v>
      </c>
      <c r="O2902" s="52">
        <v>1.5</v>
      </c>
      <c r="P2902" s="52">
        <v>1.8</v>
      </c>
      <c r="Q2902" s="52">
        <v>0.2</v>
      </c>
      <c r="R2902" s="52">
        <v>0.3</v>
      </c>
      <c r="S2902" s="52">
        <v>0.3</v>
      </c>
      <c r="T2902" s="53">
        <v>0</v>
      </c>
    </row>
    <row r="2903" spans="1:25" ht="21.6" x14ac:dyDescent="0.2">
      <c r="B2903" s="76"/>
      <c r="C2903" s="39" t="s">
        <v>59</v>
      </c>
      <c r="D2903" s="45">
        <v>1391</v>
      </c>
      <c r="E2903" s="46">
        <v>2.9</v>
      </c>
      <c r="F2903" s="46">
        <v>14.1</v>
      </c>
      <c r="G2903" s="46">
        <v>13.4</v>
      </c>
      <c r="H2903" s="46">
        <v>16.2</v>
      </c>
      <c r="I2903" s="46">
        <v>15</v>
      </c>
      <c r="J2903" s="46">
        <v>11.9</v>
      </c>
      <c r="K2903" s="46">
        <v>7.6</v>
      </c>
      <c r="L2903" s="46">
        <v>6.3</v>
      </c>
      <c r="M2903" s="46">
        <v>3</v>
      </c>
      <c r="N2903" s="46">
        <v>2.4</v>
      </c>
      <c r="O2903" s="46">
        <v>2.5</v>
      </c>
      <c r="P2903" s="46">
        <v>2.7</v>
      </c>
      <c r="Q2903" s="46">
        <v>1</v>
      </c>
      <c r="R2903" s="46">
        <v>0.5</v>
      </c>
      <c r="S2903" s="46">
        <v>0.5</v>
      </c>
      <c r="T2903" s="47">
        <v>0</v>
      </c>
    </row>
    <row r="2904" spans="1:25" x14ac:dyDescent="0.2">
      <c r="B2904" s="76"/>
      <c r="C2904" s="39" t="s">
        <v>60</v>
      </c>
      <c r="D2904" s="45">
        <v>1325</v>
      </c>
      <c r="E2904" s="46">
        <v>2.5</v>
      </c>
      <c r="F2904" s="46">
        <v>10.1</v>
      </c>
      <c r="G2904" s="46">
        <v>10.9</v>
      </c>
      <c r="H2904" s="46">
        <v>16</v>
      </c>
      <c r="I2904" s="46">
        <v>15.1</v>
      </c>
      <c r="J2904" s="46">
        <v>13.1</v>
      </c>
      <c r="K2904" s="46">
        <v>10</v>
      </c>
      <c r="L2904" s="46">
        <v>7.1</v>
      </c>
      <c r="M2904" s="46">
        <v>5</v>
      </c>
      <c r="N2904" s="46">
        <v>3.2</v>
      </c>
      <c r="O2904" s="46">
        <v>2.4</v>
      </c>
      <c r="P2904" s="46">
        <v>2.6</v>
      </c>
      <c r="Q2904" s="46">
        <v>0.8</v>
      </c>
      <c r="R2904" s="46">
        <v>0.7</v>
      </c>
      <c r="S2904" s="46">
        <v>0.6</v>
      </c>
      <c r="T2904" s="47">
        <v>0</v>
      </c>
    </row>
    <row r="2905" spans="1:25" x14ac:dyDescent="0.2">
      <c r="B2905" s="76"/>
      <c r="C2905" s="39" t="s">
        <v>61</v>
      </c>
      <c r="D2905" s="45">
        <v>675</v>
      </c>
      <c r="E2905" s="46">
        <v>3.9</v>
      </c>
      <c r="F2905" s="46">
        <v>13.2</v>
      </c>
      <c r="G2905" s="46">
        <v>13.9</v>
      </c>
      <c r="H2905" s="46">
        <v>14.5</v>
      </c>
      <c r="I2905" s="46">
        <v>14.4</v>
      </c>
      <c r="J2905" s="46">
        <v>15.1</v>
      </c>
      <c r="K2905" s="46">
        <v>8.6999999999999993</v>
      </c>
      <c r="L2905" s="46">
        <v>6.7</v>
      </c>
      <c r="M2905" s="46">
        <v>2.4</v>
      </c>
      <c r="N2905" s="46">
        <v>2.7</v>
      </c>
      <c r="O2905" s="46">
        <v>1.8</v>
      </c>
      <c r="P2905" s="46">
        <v>1.9</v>
      </c>
      <c r="Q2905" s="46">
        <v>0.7</v>
      </c>
      <c r="R2905" s="46">
        <v>0</v>
      </c>
      <c r="S2905" s="46">
        <v>0.1</v>
      </c>
      <c r="T2905" s="47">
        <v>0</v>
      </c>
    </row>
    <row r="2906" spans="1:25" x14ac:dyDescent="0.2">
      <c r="B2906" s="76"/>
      <c r="C2906" s="39" t="s">
        <v>62</v>
      </c>
      <c r="D2906" s="45">
        <v>1086</v>
      </c>
      <c r="E2906" s="46">
        <v>2.2999999999999998</v>
      </c>
      <c r="F2906" s="46">
        <v>4.0999999999999996</v>
      </c>
      <c r="G2906" s="46">
        <v>5.4</v>
      </c>
      <c r="H2906" s="46">
        <v>11</v>
      </c>
      <c r="I2906" s="46">
        <v>14.2</v>
      </c>
      <c r="J2906" s="46">
        <v>17.3</v>
      </c>
      <c r="K2906" s="46">
        <v>13.4</v>
      </c>
      <c r="L2906" s="46">
        <v>10.8</v>
      </c>
      <c r="M2906" s="46">
        <v>6.8</v>
      </c>
      <c r="N2906" s="46">
        <v>4.7</v>
      </c>
      <c r="O2906" s="46">
        <v>3.8</v>
      </c>
      <c r="P2906" s="46">
        <v>4</v>
      </c>
      <c r="Q2906" s="46">
        <v>1.2</v>
      </c>
      <c r="R2906" s="46">
        <v>0.6</v>
      </c>
      <c r="S2906" s="46">
        <v>0.4</v>
      </c>
      <c r="T2906" s="47">
        <v>0</v>
      </c>
    </row>
    <row r="2907" spans="1:25" ht="21.6" x14ac:dyDescent="0.2">
      <c r="B2907" s="76"/>
      <c r="C2907" s="39" t="s">
        <v>63</v>
      </c>
      <c r="D2907" s="45">
        <v>203</v>
      </c>
      <c r="E2907" s="46">
        <v>6.4</v>
      </c>
      <c r="F2907" s="46">
        <v>10.8</v>
      </c>
      <c r="G2907" s="46">
        <v>11.8</v>
      </c>
      <c r="H2907" s="46">
        <v>23.2</v>
      </c>
      <c r="I2907" s="46">
        <v>20.7</v>
      </c>
      <c r="J2907" s="46">
        <v>13.3</v>
      </c>
      <c r="K2907" s="46">
        <v>6.9</v>
      </c>
      <c r="L2907" s="46">
        <v>4.4000000000000004</v>
      </c>
      <c r="M2907" s="46">
        <v>1</v>
      </c>
      <c r="N2907" s="46">
        <v>0.5</v>
      </c>
      <c r="O2907" s="46">
        <v>0</v>
      </c>
      <c r="P2907" s="46">
        <v>0</v>
      </c>
      <c r="Q2907" s="46">
        <v>0</v>
      </c>
      <c r="R2907" s="46">
        <v>0</v>
      </c>
      <c r="S2907" s="46">
        <v>1</v>
      </c>
      <c r="T2907" s="47">
        <v>0</v>
      </c>
    </row>
    <row r="2908" spans="1:25" x14ac:dyDescent="0.2">
      <c r="B2908" s="76"/>
      <c r="C2908" s="39" t="s">
        <v>64</v>
      </c>
      <c r="D2908" s="45">
        <v>263</v>
      </c>
      <c r="E2908" s="46">
        <v>2.2999999999999998</v>
      </c>
      <c r="F2908" s="46">
        <v>3.4</v>
      </c>
      <c r="G2908" s="46">
        <v>4.9000000000000004</v>
      </c>
      <c r="H2908" s="46">
        <v>7.6</v>
      </c>
      <c r="I2908" s="46">
        <v>15.2</v>
      </c>
      <c r="J2908" s="46">
        <v>20.2</v>
      </c>
      <c r="K2908" s="46">
        <v>17.100000000000001</v>
      </c>
      <c r="L2908" s="46">
        <v>12.2</v>
      </c>
      <c r="M2908" s="46">
        <v>7.6</v>
      </c>
      <c r="N2908" s="46">
        <v>4.2</v>
      </c>
      <c r="O2908" s="46">
        <v>2.2999999999999998</v>
      </c>
      <c r="P2908" s="46">
        <v>1.9</v>
      </c>
      <c r="Q2908" s="46">
        <v>0.4</v>
      </c>
      <c r="R2908" s="46">
        <v>0.8</v>
      </c>
      <c r="S2908" s="46">
        <v>0</v>
      </c>
      <c r="T2908" s="47">
        <v>0</v>
      </c>
    </row>
    <row r="2909" spans="1:25" x14ac:dyDescent="0.2">
      <c r="B2909" s="76"/>
      <c r="C2909" s="39" t="s">
        <v>65</v>
      </c>
      <c r="D2909" s="45">
        <v>312</v>
      </c>
      <c r="E2909" s="46">
        <v>1.3</v>
      </c>
      <c r="F2909" s="46">
        <v>3.5</v>
      </c>
      <c r="G2909" s="46">
        <v>2.2000000000000002</v>
      </c>
      <c r="H2909" s="46">
        <v>7.4</v>
      </c>
      <c r="I2909" s="46">
        <v>12.2</v>
      </c>
      <c r="J2909" s="46">
        <v>21.2</v>
      </c>
      <c r="K2909" s="46">
        <v>17.3</v>
      </c>
      <c r="L2909" s="46">
        <v>11.9</v>
      </c>
      <c r="M2909" s="46">
        <v>8.3000000000000007</v>
      </c>
      <c r="N2909" s="46">
        <v>5.8</v>
      </c>
      <c r="O2909" s="46">
        <v>4.2</v>
      </c>
      <c r="P2909" s="46">
        <v>3.2</v>
      </c>
      <c r="Q2909" s="46">
        <v>1</v>
      </c>
      <c r="R2909" s="46">
        <v>0.3</v>
      </c>
      <c r="S2909" s="46">
        <v>0.3</v>
      </c>
      <c r="T2909" s="47">
        <v>0</v>
      </c>
    </row>
    <row r="2910" spans="1:25" x14ac:dyDescent="0.2">
      <c r="B2910" s="76"/>
      <c r="C2910" s="39" t="s">
        <v>66</v>
      </c>
      <c r="D2910" s="45">
        <v>230</v>
      </c>
      <c r="E2910" s="46">
        <v>0.9</v>
      </c>
      <c r="F2910" s="46">
        <v>0</v>
      </c>
      <c r="G2910" s="46">
        <v>3.9</v>
      </c>
      <c r="H2910" s="46">
        <v>7</v>
      </c>
      <c r="I2910" s="46">
        <v>7.8</v>
      </c>
      <c r="J2910" s="46">
        <v>11.7</v>
      </c>
      <c r="K2910" s="46">
        <v>12.6</v>
      </c>
      <c r="L2910" s="46">
        <v>12.6</v>
      </c>
      <c r="M2910" s="46">
        <v>10.4</v>
      </c>
      <c r="N2910" s="46">
        <v>7.8</v>
      </c>
      <c r="O2910" s="46">
        <v>9.6</v>
      </c>
      <c r="P2910" s="46">
        <v>10.9</v>
      </c>
      <c r="Q2910" s="46">
        <v>3</v>
      </c>
      <c r="R2910" s="46">
        <v>1.3</v>
      </c>
      <c r="S2910" s="46">
        <v>0.4</v>
      </c>
      <c r="T2910" s="47">
        <v>0</v>
      </c>
    </row>
    <row r="2911" spans="1:25" x14ac:dyDescent="0.2">
      <c r="B2911" s="76"/>
      <c r="C2911" s="39" t="s">
        <v>67</v>
      </c>
      <c r="D2911" s="45">
        <v>78</v>
      </c>
      <c r="E2911" s="46">
        <v>0</v>
      </c>
      <c r="F2911" s="46">
        <v>2.6</v>
      </c>
      <c r="G2911" s="46">
        <v>7.7</v>
      </c>
      <c r="H2911" s="46">
        <v>17.899999999999999</v>
      </c>
      <c r="I2911" s="46">
        <v>20.5</v>
      </c>
      <c r="J2911" s="46">
        <v>19.2</v>
      </c>
      <c r="K2911" s="46">
        <v>5.0999999999999996</v>
      </c>
      <c r="L2911" s="46">
        <v>12.8</v>
      </c>
      <c r="M2911" s="46">
        <v>2.6</v>
      </c>
      <c r="N2911" s="46">
        <v>3.8</v>
      </c>
      <c r="O2911" s="46">
        <v>0</v>
      </c>
      <c r="P2911" s="46">
        <v>3.8</v>
      </c>
      <c r="Q2911" s="46">
        <v>2.6</v>
      </c>
      <c r="R2911" s="46">
        <v>1.3</v>
      </c>
      <c r="S2911" s="46">
        <v>0</v>
      </c>
      <c r="T2911" s="47">
        <v>0</v>
      </c>
    </row>
    <row r="2912" spans="1:25" x14ac:dyDescent="0.2">
      <c r="B2912" s="76"/>
      <c r="C2912" s="39" t="s">
        <v>68</v>
      </c>
      <c r="D2912" s="45">
        <v>897</v>
      </c>
      <c r="E2912" s="46">
        <v>2.2000000000000002</v>
      </c>
      <c r="F2912" s="46">
        <v>0.8</v>
      </c>
      <c r="G2912" s="46">
        <v>1.2</v>
      </c>
      <c r="H2912" s="46">
        <v>7.9</v>
      </c>
      <c r="I2912" s="46">
        <v>14.9</v>
      </c>
      <c r="J2912" s="46">
        <v>19.2</v>
      </c>
      <c r="K2912" s="46">
        <v>15.9</v>
      </c>
      <c r="L2912" s="46">
        <v>12.2</v>
      </c>
      <c r="M2912" s="46">
        <v>8.1</v>
      </c>
      <c r="N2912" s="46">
        <v>5.7</v>
      </c>
      <c r="O2912" s="46">
        <v>4.5999999999999996</v>
      </c>
      <c r="P2912" s="46">
        <v>4.5999999999999996</v>
      </c>
      <c r="Q2912" s="46">
        <v>1.4</v>
      </c>
      <c r="R2912" s="46">
        <v>0.8</v>
      </c>
      <c r="S2912" s="46">
        <v>0.4</v>
      </c>
      <c r="T2912" s="47">
        <v>0</v>
      </c>
    </row>
    <row r="2913" spans="1:25" x14ac:dyDescent="0.2">
      <c r="B2913" s="76"/>
      <c r="C2913" s="39" t="s">
        <v>69</v>
      </c>
      <c r="D2913" s="45">
        <v>189</v>
      </c>
      <c r="E2913" s="46">
        <v>2.6</v>
      </c>
      <c r="F2913" s="46">
        <v>19.600000000000001</v>
      </c>
      <c r="G2913" s="46">
        <v>25.4</v>
      </c>
      <c r="H2913" s="46">
        <v>25.9</v>
      </c>
      <c r="I2913" s="46">
        <v>10.6</v>
      </c>
      <c r="J2913" s="46">
        <v>8.5</v>
      </c>
      <c r="K2913" s="46">
        <v>1.6</v>
      </c>
      <c r="L2913" s="46">
        <v>4.2</v>
      </c>
      <c r="M2913" s="46">
        <v>0.5</v>
      </c>
      <c r="N2913" s="46">
        <v>0</v>
      </c>
      <c r="O2913" s="46">
        <v>0</v>
      </c>
      <c r="P2913" s="46">
        <v>1.1000000000000001</v>
      </c>
      <c r="Q2913" s="46">
        <v>0</v>
      </c>
      <c r="R2913" s="46">
        <v>0</v>
      </c>
      <c r="S2913" s="46">
        <v>0</v>
      </c>
      <c r="T2913" s="47">
        <v>0</v>
      </c>
    </row>
    <row r="2914" spans="1:25" x14ac:dyDescent="0.2">
      <c r="B2914" s="76"/>
      <c r="C2914" s="39" t="s">
        <v>70</v>
      </c>
      <c r="D2914" s="45">
        <v>914</v>
      </c>
      <c r="E2914" s="46">
        <v>3.7</v>
      </c>
      <c r="F2914" s="46">
        <v>19.600000000000001</v>
      </c>
      <c r="G2914" s="46">
        <v>19.7</v>
      </c>
      <c r="H2914" s="46">
        <v>20.8</v>
      </c>
      <c r="I2914" s="46">
        <v>15.6</v>
      </c>
      <c r="J2914" s="46">
        <v>9.5</v>
      </c>
      <c r="K2914" s="46">
        <v>4.9000000000000004</v>
      </c>
      <c r="L2914" s="46">
        <v>2.4</v>
      </c>
      <c r="M2914" s="46">
        <v>0.9</v>
      </c>
      <c r="N2914" s="46">
        <v>1</v>
      </c>
      <c r="O2914" s="46">
        <v>0.3</v>
      </c>
      <c r="P2914" s="46">
        <v>0.5</v>
      </c>
      <c r="Q2914" s="46">
        <v>0.2</v>
      </c>
      <c r="R2914" s="46">
        <v>0.2</v>
      </c>
      <c r="S2914" s="46">
        <v>0.5</v>
      </c>
      <c r="T2914" s="47">
        <v>0</v>
      </c>
    </row>
    <row r="2915" spans="1:25" ht="21.6" x14ac:dyDescent="0.2">
      <c r="B2915" s="76"/>
      <c r="C2915" s="39" t="s">
        <v>63</v>
      </c>
      <c r="D2915" s="45">
        <v>193</v>
      </c>
      <c r="E2915" s="46">
        <v>4.7</v>
      </c>
      <c r="F2915" s="46">
        <v>14.5</v>
      </c>
      <c r="G2915" s="46">
        <v>17.100000000000001</v>
      </c>
      <c r="H2915" s="46">
        <v>30.1</v>
      </c>
      <c r="I2915" s="46">
        <v>18.7</v>
      </c>
      <c r="J2915" s="46">
        <v>8.3000000000000007</v>
      </c>
      <c r="K2915" s="46">
        <v>4.0999999999999996</v>
      </c>
      <c r="L2915" s="46">
        <v>1.6</v>
      </c>
      <c r="M2915" s="46">
        <v>0</v>
      </c>
      <c r="N2915" s="46">
        <v>0.5</v>
      </c>
      <c r="O2915" s="46">
        <v>0</v>
      </c>
      <c r="P2915" s="46">
        <v>0</v>
      </c>
      <c r="Q2915" s="46">
        <v>0</v>
      </c>
      <c r="R2915" s="46">
        <v>0</v>
      </c>
      <c r="S2915" s="46">
        <v>0.5</v>
      </c>
      <c r="T2915" s="47">
        <v>0</v>
      </c>
    </row>
    <row r="2916" spans="1:25" x14ac:dyDescent="0.2">
      <c r="B2916" s="76"/>
      <c r="C2916" s="39" t="s">
        <v>64</v>
      </c>
      <c r="D2916" s="45">
        <v>203</v>
      </c>
      <c r="E2916" s="46">
        <v>4.9000000000000004</v>
      </c>
      <c r="F2916" s="46">
        <v>14.8</v>
      </c>
      <c r="G2916" s="46">
        <v>15.8</v>
      </c>
      <c r="H2916" s="46">
        <v>21.2</v>
      </c>
      <c r="I2916" s="46">
        <v>16.7</v>
      </c>
      <c r="J2916" s="46">
        <v>10.3</v>
      </c>
      <c r="K2916" s="46">
        <v>9.4</v>
      </c>
      <c r="L2916" s="46">
        <v>3</v>
      </c>
      <c r="M2916" s="46">
        <v>1.5</v>
      </c>
      <c r="N2916" s="46">
        <v>0.5</v>
      </c>
      <c r="O2916" s="46">
        <v>0</v>
      </c>
      <c r="P2916" s="46">
        <v>0.5</v>
      </c>
      <c r="Q2916" s="46">
        <v>0.5</v>
      </c>
      <c r="R2916" s="46">
        <v>0.5</v>
      </c>
      <c r="S2916" s="46">
        <v>0.5</v>
      </c>
      <c r="T2916" s="47">
        <v>0</v>
      </c>
    </row>
    <row r="2917" spans="1:25" x14ac:dyDescent="0.2">
      <c r="B2917" s="76"/>
      <c r="C2917" s="39" t="s">
        <v>65</v>
      </c>
      <c r="D2917" s="45">
        <v>263</v>
      </c>
      <c r="E2917" s="46">
        <v>4.2</v>
      </c>
      <c r="F2917" s="46">
        <v>20.5</v>
      </c>
      <c r="G2917" s="46">
        <v>22.4</v>
      </c>
      <c r="H2917" s="46">
        <v>14.8</v>
      </c>
      <c r="I2917" s="46">
        <v>16.3</v>
      </c>
      <c r="J2917" s="46">
        <v>10.3</v>
      </c>
      <c r="K2917" s="46">
        <v>4.2</v>
      </c>
      <c r="L2917" s="46">
        <v>2.7</v>
      </c>
      <c r="M2917" s="46">
        <v>1.1000000000000001</v>
      </c>
      <c r="N2917" s="46">
        <v>1.9</v>
      </c>
      <c r="O2917" s="46">
        <v>0.8</v>
      </c>
      <c r="P2917" s="46">
        <v>0</v>
      </c>
      <c r="Q2917" s="46">
        <v>0</v>
      </c>
      <c r="R2917" s="46">
        <v>0</v>
      </c>
      <c r="S2917" s="46">
        <v>0.8</v>
      </c>
      <c r="T2917" s="47">
        <v>0</v>
      </c>
    </row>
    <row r="2918" spans="1:25" x14ac:dyDescent="0.2">
      <c r="B2918" s="76"/>
      <c r="C2918" s="39" t="s">
        <v>66</v>
      </c>
      <c r="D2918" s="45">
        <v>194</v>
      </c>
      <c r="E2918" s="46">
        <v>1</v>
      </c>
      <c r="F2918" s="46">
        <v>25.8</v>
      </c>
      <c r="G2918" s="46">
        <v>21.1</v>
      </c>
      <c r="H2918" s="46">
        <v>20.100000000000001</v>
      </c>
      <c r="I2918" s="46">
        <v>12.4</v>
      </c>
      <c r="J2918" s="46">
        <v>10.8</v>
      </c>
      <c r="K2918" s="46">
        <v>2.6</v>
      </c>
      <c r="L2918" s="46">
        <v>1.5</v>
      </c>
      <c r="M2918" s="46">
        <v>1</v>
      </c>
      <c r="N2918" s="46">
        <v>0</v>
      </c>
      <c r="O2918" s="46">
        <v>0.5</v>
      </c>
      <c r="P2918" s="46">
        <v>1.5</v>
      </c>
      <c r="Q2918" s="46">
        <v>0.5</v>
      </c>
      <c r="R2918" s="46">
        <v>0.5</v>
      </c>
      <c r="S2918" s="46">
        <v>0.5</v>
      </c>
      <c r="T2918" s="47">
        <v>0</v>
      </c>
    </row>
    <row r="2919" spans="1:25" x14ac:dyDescent="0.2">
      <c r="B2919" s="76"/>
      <c r="C2919" s="39" t="s">
        <v>67</v>
      </c>
      <c r="D2919" s="45">
        <v>61</v>
      </c>
      <c r="E2919" s="46">
        <v>3.3</v>
      </c>
      <c r="F2919" s="46">
        <v>27.9</v>
      </c>
      <c r="G2919" s="46">
        <v>24.6</v>
      </c>
      <c r="H2919" s="46">
        <v>18</v>
      </c>
      <c r="I2919" s="46">
        <v>9.8000000000000007</v>
      </c>
      <c r="J2919" s="46">
        <v>3.3</v>
      </c>
      <c r="K2919" s="46">
        <v>3.3</v>
      </c>
      <c r="L2919" s="46">
        <v>4.9000000000000004</v>
      </c>
      <c r="M2919" s="46">
        <v>0</v>
      </c>
      <c r="N2919" s="46">
        <v>3.3</v>
      </c>
      <c r="O2919" s="46">
        <v>0</v>
      </c>
      <c r="P2919" s="46">
        <v>1.6</v>
      </c>
      <c r="Q2919" s="46">
        <v>0</v>
      </c>
      <c r="R2919" s="46">
        <v>0</v>
      </c>
      <c r="S2919" s="46">
        <v>0</v>
      </c>
      <c r="T2919" s="47">
        <v>0</v>
      </c>
    </row>
    <row r="2920" spans="1:25" x14ac:dyDescent="0.2">
      <c r="B2920" s="76"/>
      <c r="C2920" s="39" t="s">
        <v>68</v>
      </c>
      <c r="D2920" s="45">
        <v>416</v>
      </c>
      <c r="E2920" s="46">
        <v>1.4</v>
      </c>
      <c r="F2920" s="46">
        <v>1.9</v>
      </c>
      <c r="G2920" s="46">
        <v>5.5</v>
      </c>
      <c r="H2920" s="46">
        <v>25</v>
      </c>
      <c r="I2920" s="46">
        <v>26.9</v>
      </c>
      <c r="J2920" s="46">
        <v>19</v>
      </c>
      <c r="K2920" s="46">
        <v>9.1</v>
      </c>
      <c r="L2920" s="46">
        <v>5</v>
      </c>
      <c r="M2920" s="46">
        <v>1.7</v>
      </c>
      <c r="N2920" s="46">
        <v>1.7</v>
      </c>
      <c r="O2920" s="46">
        <v>0.7</v>
      </c>
      <c r="P2920" s="46">
        <v>0.7</v>
      </c>
      <c r="Q2920" s="46">
        <v>0.2</v>
      </c>
      <c r="R2920" s="46">
        <v>0.2</v>
      </c>
      <c r="S2920" s="46">
        <v>0.7</v>
      </c>
      <c r="T2920" s="47">
        <v>0</v>
      </c>
    </row>
    <row r="2921" spans="1:25" x14ac:dyDescent="0.2">
      <c r="B2921" s="76"/>
      <c r="C2921" s="40" t="s">
        <v>69</v>
      </c>
      <c r="D2921" s="48">
        <v>498</v>
      </c>
      <c r="E2921" s="49">
        <v>5.6</v>
      </c>
      <c r="F2921" s="49">
        <v>34.299999999999997</v>
      </c>
      <c r="G2921" s="49">
        <v>31.5</v>
      </c>
      <c r="H2921" s="49">
        <v>17.3</v>
      </c>
      <c r="I2921" s="49">
        <v>6.2</v>
      </c>
      <c r="J2921" s="49">
        <v>1.6</v>
      </c>
      <c r="K2921" s="49">
        <v>1.4</v>
      </c>
      <c r="L2921" s="49">
        <v>0.2</v>
      </c>
      <c r="M2921" s="49">
        <v>0.2</v>
      </c>
      <c r="N2921" s="49">
        <v>0.4</v>
      </c>
      <c r="O2921" s="49">
        <v>0</v>
      </c>
      <c r="P2921" s="49">
        <v>0.4</v>
      </c>
      <c r="Q2921" s="49">
        <v>0.2</v>
      </c>
      <c r="R2921" s="49">
        <v>0.2</v>
      </c>
      <c r="S2921" s="49">
        <v>0.4</v>
      </c>
      <c r="T2921" s="50">
        <v>0</v>
      </c>
    </row>
    <row r="2922" spans="1:25" x14ac:dyDescent="0.2">
      <c r="B2922" s="7" t="s">
        <v>71</v>
      </c>
      <c r="C2922" s="4" t="s">
        <v>164</v>
      </c>
    </row>
    <row r="2923" spans="1:25" x14ac:dyDescent="0.2">
      <c r="B2923" s="4"/>
      <c r="C2923" s="4" t="s">
        <v>73</v>
      </c>
    </row>
    <row r="2925" spans="1:25" x14ac:dyDescent="0.2">
      <c r="A2925" s="26" t="s">
        <v>25</v>
      </c>
      <c r="B2925" t="s">
        <v>35</v>
      </c>
      <c r="C2925" t="s">
        <v>35</v>
      </c>
    </row>
    <row r="2926" spans="1:25" x14ac:dyDescent="0.2">
      <c r="B2926" s="74" t="s">
        <v>165</v>
      </c>
      <c r="C2926" s="75"/>
      <c r="D2926" s="75"/>
      <c r="E2926" s="75"/>
      <c r="F2926" s="75"/>
      <c r="G2926" s="75"/>
      <c r="H2926" s="75"/>
      <c r="I2926" s="75"/>
      <c r="J2926" s="75"/>
      <c r="K2926" s="75"/>
      <c r="L2926" s="75"/>
      <c r="M2926" s="75"/>
      <c r="N2926" s="75"/>
      <c r="O2926" s="75"/>
      <c r="P2926" s="75"/>
      <c r="Q2926" s="75"/>
      <c r="R2926" s="75"/>
      <c r="S2926" s="75"/>
      <c r="T2926" s="75"/>
      <c r="U2926" s="75"/>
      <c r="V2926" s="75"/>
      <c r="W2926" s="75"/>
      <c r="X2926" s="75"/>
      <c r="Y2926" s="75"/>
    </row>
    <row r="2927" spans="1:25" s="32" customFormat="1" ht="58.05" customHeight="1" x14ac:dyDescent="0.15">
      <c r="A2927" s="31"/>
      <c r="D2927" s="33" t="s">
        <v>242</v>
      </c>
      <c r="E2927" s="35" t="s">
        <v>433</v>
      </c>
      <c r="F2927" s="36" t="s">
        <v>434</v>
      </c>
      <c r="G2927" s="36" t="s">
        <v>435</v>
      </c>
      <c r="H2927" s="36" t="s">
        <v>436</v>
      </c>
      <c r="I2927" s="36" t="s">
        <v>437</v>
      </c>
      <c r="J2927" s="36" t="s">
        <v>438</v>
      </c>
      <c r="K2927" s="36" t="s">
        <v>439</v>
      </c>
      <c r="L2927" s="36" t="s">
        <v>440</v>
      </c>
      <c r="M2927" s="36" t="s">
        <v>441</v>
      </c>
      <c r="N2927" s="36" t="s">
        <v>442</v>
      </c>
      <c r="O2927" s="36" t="s">
        <v>443</v>
      </c>
      <c r="P2927" s="36" t="s">
        <v>444</v>
      </c>
      <c r="Q2927" s="36" t="s">
        <v>445</v>
      </c>
      <c r="R2927" s="36" t="s">
        <v>446</v>
      </c>
      <c r="S2927" s="36" t="s">
        <v>447</v>
      </c>
      <c r="T2927" s="37" t="s">
        <v>276</v>
      </c>
      <c r="U2927" s="34" t="s">
        <v>251</v>
      </c>
    </row>
    <row r="2928" spans="1:25" x14ac:dyDescent="0.2">
      <c r="B2928" s="5"/>
      <c r="C2928" s="41" t="s">
        <v>38</v>
      </c>
      <c r="D2928" s="42">
        <v>2000</v>
      </c>
      <c r="E2928" s="43">
        <v>0</v>
      </c>
      <c r="F2928" s="43">
        <v>2</v>
      </c>
      <c r="G2928" s="43">
        <v>3.8</v>
      </c>
      <c r="H2928" s="43">
        <v>8.1999999999999993</v>
      </c>
      <c r="I2928" s="43">
        <v>9.6999999999999993</v>
      </c>
      <c r="J2928" s="43">
        <v>12</v>
      </c>
      <c r="K2928" s="43">
        <v>10.1</v>
      </c>
      <c r="L2928" s="43">
        <v>8.4</v>
      </c>
      <c r="M2928" s="43">
        <v>6.9</v>
      </c>
      <c r="N2928" s="43">
        <v>6.2</v>
      </c>
      <c r="O2928" s="43">
        <v>5</v>
      </c>
      <c r="P2928" s="43">
        <v>6.2</v>
      </c>
      <c r="Q2928" s="43">
        <v>3.4</v>
      </c>
      <c r="R2928" s="43">
        <v>1.7</v>
      </c>
      <c r="S2928" s="43">
        <v>1.2</v>
      </c>
      <c r="T2928" s="44">
        <v>15.6</v>
      </c>
    </row>
    <row r="2929" spans="2:20" x14ac:dyDescent="0.2">
      <c r="B2929" s="76" t="s">
        <v>37</v>
      </c>
      <c r="C2929" s="39" t="s">
        <v>39</v>
      </c>
      <c r="D2929" s="45">
        <v>111</v>
      </c>
      <c r="E2929" s="46">
        <v>0</v>
      </c>
      <c r="F2929" s="46">
        <v>0</v>
      </c>
      <c r="G2929" s="46">
        <v>2.7</v>
      </c>
      <c r="H2929" s="46">
        <v>11.7</v>
      </c>
      <c r="I2929" s="46">
        <v>9.9</v>
      </c>
      <c r="J2929" s="46">
        <v>12.6</v>
      </c>
      <c r="K2929" s="46">
        <v>14.4</v>
      </c>
      <c r="L2929" s="46">
        <v>10.8</v>
      </c>
      <c r="M2929" s="46">
        <v>8.1</v>
      </c>
      <c r="N2929" s="46">
        <v>7.2</v>
      </c>
      <c r="O2929" s="46">
        <v>4.5</v>
      </c>
      <c r="P2929" s="46">
        <v>4.5</v>
      </c>
      <c r="Q2929" s="46">
        <v>1.8</v>
      </c>
      <c r="R2929" s="46">
        <v>0</v>
      </c>
      <c r="S2929" s="46">
        <v>1.8</v>
      </c>
      <c r="T2929" s="47">
        <v>9.9</v>
      </c>
    </row>
    <row r="2930" spans="2:20" x14ac:dyDescent="0.2">
      <c r="B2930" s="76"/>
      <c r="C2930" s="39" t="s">
        <v>40</v>
      </c>
      <c r="D2930" s="45">
        <v>450</v>
      </c>
      <c r="E2930" s="46">
        <v>0</v>
      </c>
      <c r="F2930" s="46">
        <v>1.3</v>
      </c>
      <c r="G2930" s="46">
        <v>2.9</v>
      </c>
      <c r="H2930" s="46">
        <v>5.3</v>
      </c>
      <c r="I2930" s="46">
        <v>9.8000000000000007</v>
      </c>
      <c r="J2930" s="46">
        <v>13.6</v>
      </c>
      <c r="K2930" s="46">
        <v>10.4</v>
      </c>
      <c r="L2930" s="46">
        <v>10</v>
      </c>
      <c r="M2930" s="46">
        <v>8.6999999999999993</v>
      </c>
      <c r="N2930" s="46">
        <v>6</v>
      </c>
      <c r="O2930" s="46">
        <v>7.3</v>
      </c>
      <c r="P2930" s="46">
        <v>8.1999999999999993</v>
      </c>
      <c r="Q2930" s="46">
        <v>3.8</v>
      </c>
      <c r="R2930" s="46">
        <v>1.6</v>
      </c>
      <c r="S2930" s="46">
        <v>0.2</v>
      </c>
      <c r="T2930" s="47">
        <v>10.9</v>
      </c>
    </row>
    <row r="2931" spans="2:20" ht="21.6" x14ac:dyDescent="0.2">
      <c r="B2931" s="76"/>
      <c r="C2931" s="39" t="s">
        <v>41</v>
      </c>
      <c r="D2931" s="45">
        <v>30</v>
      </c>
      <c r="E2931" s="46">
        <v>0</v>
      </c>
      <c r="F2931" s="46">
        <v>6.7</v>
      </c>
      <c r="G2931" s="46">
        <v>3.3</v>
      </c>
      <c r="H2931" s="46">
        <v>6.7</v>
      </c>
      <c r="I2931" s="46">
        <v>3.3</v>
      </c>
      <c r="J2931" s="46">
        <v>6.7</v>
      </c>
      <c r="K2931" s="46">
        <v>23.3</v>
      </c>
      <c r="L2931" s="46">
        <v>3.3</v>
      </c>
      <c r="M2931" s="46">
        <v>3.3</v>
      </c>
      <c r="N2931" s="46">
        <v>0</v>
      </c>
      <c r="O2931" s="46">
        <v>3.3</v>
      </c>
      <c r="P2931" s="46">
        <v>3.3</v>
      </c>
      <c r="Q2931" s="46">
        <v>0</v>
      </c>
      <c r="R2931" s="46">
        <v>3.3</v>
      </c>
      <c r="S2931" s="46">
        <v>3.3</v>
      </c>
      <c r="T2931" s="47">
        <v>30</v>
      </c>
    </row>
    <row r="2932" spans="2:20" ht="21.6" x14ac:dyDescent="0.2">
      <c r="B2932" s="76"/>
      <c r="C2932" s="39" t="s">
        <v>42</v>
      </c>
      <c r="D2932" s="45">
        <v>336</v>
      </c>
      <c r="E2932" s="46">
        <v>0</v>
      </c>
      <c r="F2932" s="46">
        <v>0.9</v>
      </c>
      <c r="G2932" s="46">
        <v>2.1</v>
      </c>
      <c r="H2932" s="46">
        <v>7.4</v>
      </c>
      <c r="I2932" s="46">
        <v>8.9</v>
      </c>
      <c r="J2932" s="46">
        <v>10.1</v>
      </c>
      <c r="K2932" s="46">
        <v>10.4</v>
      </c>
      <c r="L2932" s="46">
        <v>8.6</v>
      </c>
      <c r="M2932" s="46">
        <v>9.5</v>
      </c>
      <c r="N2932" s="46">
        <v>7.1</v>
      </c>
      <c r="O2932" s="46">
        <v>5.4</v>
      </c>
      <c r="P2932" s="46">
        <v>8.3000000000000007</v>
      </c>
      <c r="Q2932" s="46">
        <v>3.3</v>
      </c>
      <c r="R2932" s="46">
        <v>2.4</v>
      </c>
      <c r="S2932" s="46">
        <v>1.5</v>
      </c>
      <c r="T2932" s="47">
        <v>14</v>
      </c>
    </row>
    <row r="2933" spans="2:20" ht="21.6" x14ac:dyDescent="0.2">
      <c r="B2933" s="76"/>
      <c r="C2933" s="39" t="s">
        <v>43</v>
      </c>
      <c r="D2933" s="45">
        <v>327</v>
      </c>
      <c r="E2933" s="46">
        <v>0</v>
      </c>
      <c r="F2933" s="46">
        <v>3.4</v>
      </c>
      <c r="G2933" s="46">
        <v>7.3</v>
      </c>
      <c r="H2933" s="46">
        <v>9.1999999999999993</v>
      </c>
      <c r="I2933" s="46">
        <v>10.7</v>
      </c>
      <c r="J2933" s="46">
        <v>14.1</v>
      </c>
      <c r="K2933" s="46">
        <v>8.9</v>
      </c>
      <c r="L2933" s="46">
        <v>8.3000000000000007</v>
      </c>
      <c r="M2933" s="46">
        <v>5.2</v>
      </c>
      <c r="N2933" s="46">
        <v>4.5999999999999996</v>
      </c>
      <c r="O2933" s="46">
        <v>4</v>
      </c>
      <c r="P2933" s="46">
        <v>4.3</v>
      </c>
      <c r="Q2933" s="46">
        <v>2.1</v>
      </c>
      <c r="R2933" s="46">
        <v>0.9</v>
      </c>
      <c r="S2933" s="46">
        <v>1.2</v>
      </c>
      <c r="T2933" s="47">
        <v>15.9</v>
      </c>
    </row>
    <row r="2934" spans="2:20" ht="21.6" x14ac:dyDescent="0.2">
      <c r="B2934" s="76"/>
      <c r="C2934" s="39" t="s">
        <v>44</v>
      </c>
      <c r="D2934" s="45">
        <v>181</v>
      </c>
      <c r="E2934" s="46">
        <v>0</v>
      </c>
      <c r="F2934" s="46">
        <v>0</v>
      </c>
      <c r="G2934" s="46">
        <v>1.7</v>
      </c>
      <c r="H2934" s="46">
        <v>5</v>
      </c>
      <c r="I2934" s="46">
        <v>11.6</v>
      </c>
      <c r="J2934" s="46">
        <v>9.9</v>
      </c>
      <c r="K2934" s="46">
        <v>6.1</v>
      </c>
      <c r="L2934" s="46">
        <v>8.3000000000000007</v>
      </c>
      <c r="M2934" s="46">
        <v>7.2</v>
      </c>
      <c r="N2934" s="46">
        <v>8.3000000000000007</v>
      </c>
      <c r="O2934" s="46">
        <v>7.2</v>
      </c>
      <c r="P2934" s="46">
        <v>10.5</v>
      </c>
      <c r="Q2934" s="46">
        <v>5.5</v>
      </c>
      <c r="R2934" s="46">
        <v>2.8</v>
      </c>
      <c r="S2934" s="46">
        <v>3.9</v>
      </c>
      <c r="T2934" s="47">
        <v>12.2</v>
      </c>
    </row>
    <row r="2935" spans="2:20" ht="21.6" x14ac:dyDescent="0.2">
      <c r="B2935" s="76"/>
      <c r="C2935" s="39" t="s">
        <v>45</v>
      </c>
      <c r="D2935" s="45">
        <v>565</v>
      </c>
      <c r="E2935" s="46">
        <v>0</v>
      </c>
      <c r="F2935" s="46">
        <v>3.2</v>
      </c>
      <c r="G2935" s="46">
        <v>4.4000000000000004</v>
      </c>
      <c r="H2935" s="46">
        <v>10.8</v>
      </c>
      <c r="I2935" s="46">
        <v>9</v>
      </c>
      <c r="J2935" s="46">
        <v>11.5</v>
      </c>
      <c r="K2935" s="46">
        <v>9.9</v>
      </c>
      <c r="L2935" s="46">
        <v>6.7</v>
      </c>
      <c r="M2935" s="46">
        <v>4.8</v>
      </c>
      <c r="N2935" s="46">
        <v>6.2</v>
      </c>
      <c r="O2935" s="46">
        <v>2.8</v>
      </c>
      <c r="P2935" s="46">
        <v>3.4</v>
      </c>
      <c r="Q2935" s="46">
        <v>3.5</v>
      </c>
      <c r="R2935" s="46">
        <v>1.6</v>
      </c>
      <c r="S2935" s="46">
        <v>0.7</v>
      </c>
      <c r="T2935" s="47">
        <v>21.4</v>
      </c>
    </row>
    <row r="2936" spans="2:20" ht="21.6" x14ac:dyDescent="0.2">
      <c r="B2936" s="76"/>
      <c r="C2936" s="39" t="s">
        <v>46</v>
      </c>
      <c r="D2936" s="45">
        <v>473</v>
      </c>
      <c r="E2936" s="46">
        <v>0</v>
      </c>
      <c r="F2936" s="46">
        <v>8.5</v>
      </c>
      <c r="G2936" s="46">
        <v>16.100000000000001</v>
      </c>
      <c r="H2936" s="46">
        <v>34.700000000000003</v>
      </c>
      <c r="I2936" s="46">
        <v>40.799999999999997</v>
      </c>
      <c r="J2936" s="46">
        <v>0</v>
      </c>
      <c r="K2936" s="46">
        <v>0</v>
      </c>
      <c r="L2936" s="46">
        <v>0</v>
      </c>
      <c r="M2936" s="46">
        <v>0</v>
      </c>
      <c r="N2936" s="46">
        <v>0</v>
      </c>
      <c r="O2936" s="46">
        <v>0</v>
      </c>
      <c r="P2936" s="46">
        <v>0</v>
      </c>
      <c r="Q2936" s="46">
        <v>0</v>
      </c>
      <c r="R2936" s="46">
        <v>0</v>
      </c>
      <c r="S2936" s="46">
        <v>0</v>
      </c>
      <c r="T2936" s="47">
        <v>0</v>
      </c>
    </row>
    <row r="2937" spans="2:20" ht="21.6" x14ac:dyDescent="0.2">
      <c r="B2937" s="76"/>
      <c r="C2937" s="39" t="s">
        <v>47</v>
      </c>
      <c r="D2937" s="45">
        <v>441</v>
      </c>
      <c r="E2937" s="46">
        <v>0</v>
      </c>
      <c r="F2937" s="46">
        <v>0</v>
      </c>
      <c r="G2937" s="46">
        <v>0</v>
      </c>
      <c r="H2937" s="46">
        <v>0</v>
      </c>
      <c r="I2937" s="46">
        <v>0</v>
      </c>
      <c r="J2937" s="46">
        <v>54.4</v>
      </c>
      <c r="K2937" s="46">
        <v>45.6</v>
      </c>
      <c r="L2937" s="46">
        <v>0</v>
      </c>
      <c r="M2937" s="46">
        <v>0</v>
      </c>
      <c r="N2937" s="46">
        <v>0</v>
      </c>
      <c r="O2937" s="46">
        <v>0</v>
      </c>
      <c r="P2937" s="46">
        <v>0</v>
      </c>
      <c r="Q2937" s="46">
        <v>0</v>
      </c>
      <c r="R2937" s="46">
        <v>0</v>
      </c>
      <c r="S2937" s="46">
        <v>0</v>
      </c>
      <c r="T2937" s="47">
        <v>0</v>
      </c>
    </row>
    <row r="2938" spans="2:20" ht="21.6" x14ac:dyDescent="0.2">
      <c r="B2938" s="76"/>
      <c r="C2938" s="39" t="s">
        <v>48</v>
      </c>
      <c r="D2938" s="45">
        <v>305</v>
      </c>
      <c r="E2938" s="46">
        <v>0</v>
      </c>
      <c r="F2938" s="46">
        <v>0</v>
      </c>
      <c r="G2938" s="46">
        <v>0</v>
      </c>
      <c r="H2938" s="46">
        <v>0</v>
      </c>
      <c r="I2938" s="46">
        <v>0</v>
      </c>
      <c r="J2938" s="46">
        <v>0</v>
      </c>
      <c r="K2938" s="46">
        <v>0</v>
      </c>
      <c r="L2938" s="46">
        <v>54.8</v>
      </c>
      <c r="M2938" s="46">
        <v>45.2</v>
      </c>
      <c r="N2938" s="46">
        <v>0</v>
      </c>
      <c r="O2938" s="46">
        <v>0</v>
      </c>
      <c r="P2938" s="46">
        <v>0</v>
      </c>
      <c r="Q2938" s="46">
        <v>0</v>
      </c>
      <c r="R2938" s="46">
        <v>0</v>
      </c>
      <c r="S2938" s="46">
        <v>0</v>
      </c>
      <c r="T2938" s="47">
        <v>0</v>
      </c>
    </row>
    <row r="2939" spans="2:20" ht="21.6" x14ac:dyDescent="0.2">
      <c r="B2939" s="76"/>
      <c r="C2939" s="39" t="s">
        <v>49</v>
      </c>
      <c r="D2939" s="45">
        <v>223</v>
      </c>
      <c r="E2939" s="46">
        <v>0</v>
      </c>
      <c r="F2939" s="46">
        <v>0</v>
      </c>
      <c r="G2939" s="46">
        <v>0</v>
      </c>
      <c r="H2939" s="46">
        <v>0</v>
      </c>
      <c r="I2939" s="46">
        <v>0</v>
      </c>
      <c r="J2939" s="46">
        <v>0</v>
      </c>
      <c r="K2939" s="46">
        <v>0</v>
      </c>
      <c r="L2939" s="46">
        <v>0</v>
      </c>
      <c r="M2939" s="46">
        <v>0</v>
      </c>
      <c r="N2939" s="46">
        <v>55.6</v>
      </c>
      <c r="O2939" s="46">
        <v>44.4</v>
      </c>
      <c r="P2939" s="46">
        <v>0</v>
      </c>
      <c r="Q2939" s="46">
        <v>0</v>
      </c>
      <c r="R2939" s="46">
        <v>0</v>
      </c>
      <c r="S2939" s="46">
        <v>0</v>
      </c>
      <c r="T2939" s="47">
        <v>0</v>
      </c>
    </row>
    <row r="2940" spans="2:20" ht="21.6" x14ac:dyDescent="0.2">
      <c r="B2940" s="76"/>
      <c r="C2940" s="39" t="s">
        <v>50</v>
      </c>
      <c r="D2940" s="45">
        <v>123</v>
      </c>
      <c r="E2940" s="46">
        <v>0</v>
      </c>
      <c r="F2940" s="46">
        <v>0</v>
      </c>
      <c r="G2940" s="46">
        <v>0</v>
      </c>
      <c r="H2940" s="46">
        <v>0</v>
      </c>
      <c r="I2940" s="46">
        <v>0</v>
      </c>
      <c r="J2940" s="46">
        <v>0</v>
      </c>
      <c r="K2940" s="46">
        <v>0</v>
      </c>
      <c r="L2940" s="46">
        <v>0</v>
      </c>
      <c r="M2940" s="46">
        <v>0</v>
      </c>
      <c r="N2940" s="46">
        <v>0</v>
      </c>
      <c r="O2940" s="46">
        <v>0</v>
      </c>
      <c r="P2940" s="46">
        <v>100</v>
      </c>
      <c r="Q2940" s="46">
        <v>0</v>
      </c>
      <c r="R2940" s="46">
        <v>0</v>
      </c>
      <c r="S2940" s="46">
        <v>0</v>
      </c>
      <c r="T2940" s="47">
        <v>0</v>
      </c>
    </row>
    <row r="2941" spans="2:20" ht="21.6" x14ac:dyDescent="0.2">
      <c r="B2941" s="76"/>
      <c r="C2941" s="39" t="s">
        <v>51</v>
      </c>
      <c r="D2941" s="45">
        <v>124</v>
      </c>
      <c r="E2941" s="46">
        <v>0</v>
      </c>
      <c r="F2941" s="46">
        <v>0</v>
      </c>
      <c r="G2941" s="46">
        <v>0</v>
      </c>
      <c r="H2941" s="46">
        <v>0</v>
      </c>
      <c r="I2941" s="46">
        <v>0</v>
      </c>
      <c r="J2941" s="46">
        <v>0</v>
      </c>
      <c r="K2941" s="46">
        <v>0</v>
      </c>
      <c r="L2941" s="46">
        <v>0</v>
      </c>
      <c r="M2941" s="46">
        <v>0</v>
      </c>
      <c r="N2941" s="46">
        <v>0</v>
      </c>
      <c r="O2941" s="46">
        <v>0</v>
      </c>
      <c r="P2941" s="46">
        <v>0</v>
      </c>
      <c r="Q2941" s="46">
        <v>54</v>
      </c>
      <c r="R2941" s="46">
        <v>26.6</v>
      </c>
      <c r="S2941" s="46">
        <v>19.399999999999999</v>
      </c>
      <c r="T2941" s="47">
        <v>0</v>
      </c>
    </row>
    <row r="2942" spans="2:20" ht="21.6" x14ac:dyDescent="0.2">
      <c r="B2942" s="76"/>
      <c r="C2942" s="39" t="s">
        <v>52</v>
      </c>
      <c r="D2942" s="45">
        <v>312</v>
      </c>
      <c r="E2942" s="46">
        <v>0</v>
      </c>
      <c r="F2942" s="46">
        <v>3.8</v>
      </c>
      <c r="G2942" s="46">
        <v>3.5</v>
      </c>
      <c r="H2942" s="46">
        <v>9.6</v>
      </c>
      <c r="I2942" s="46">
        <v>12.8</v>
      </c>
      <c r="J2942" s="46">
        <v>16.3</v>
      </c>
      <c r="K2942" s="46">
        <v>9</v>
      </c>
      <c r="L2942" s="46">
        <v>9</v>
      </c>
      <c r="M2942" s="46">
        <v>6.7</v>
      </c>
      <c r="N2942" s="46">
        <v>4.2</v>
      </c>
      <c r="O2942" s="46">
        <v>4.5</v>
      </c>
      <c r="P2942" s="46">
        <v>2.6</v>
      </c>
      <c r="Q2942" s="46">
        <v>2.9</v>
      </c>
      <c r="R2942" s="46">
        <v>1</v>
      </c>
      <c r="S2942" s="46">
        <v>0.6</v>
      </c>
      <c r="T2942" s="47">
        <v>13.5</v>
      </c>
    </row>
    <row r="2943" spans="2:20" x14ac:dyDescent="0.2">
      <c r="B2943" s="76"/>
      <c r="C2943" s="39" t="s">
        <v>53</v>
      </c>
      <c r="D2943" s="45">
        <v>269</v>
      </c>
      <c r="E2943" s="46">
        <v>0</v>
      </c>
      <c r="F2943" s="46">
        <v>2.2000000000000002</v>
      </c>
      <c r="G2943" s="46">
        <v>5.6</v>
      </c>
      <c r="H2943" s="46">
        <v>10</v>
      </c>
      <c r="I2943" s="46">
        <v>8.6</v>
      </c>
      <c r="J2943" s="46">
        <v>10</v>
      </c>
      <c r="K2943" s="46">
        <v>15.2</v>
      </c>
      <c r="L2943" s="46">
        <v>10</v>
      </c>
      <c r="M2943" s="46">
        <v>3.7</v>
      </c>
      <c r="N2943" s="46">
        <v>5.2</v>
      </c>
      <c r="O2943" s="46">
        <v>3</v>
      </c>
      <c r="P2943" s="46">
        <v>4.5</v>
      </c>
      <c r="Q2943" s="46">
        <v>3.7</v>
      </c>
      <c r="R2943" s="46">
        <v>1.1000000000000001</v>
      </c>
      <c r="S2943" s="46">
        <v>1.9</v>
      </c>
      <c r="T2943" s="47">
        <v>15.2</v>
      </c>
    </row>
    <row r="2944" spans="2:20" ht="21.6" x14ac:dyDescent="0.2">
      <c r="B2944" s="76"/>
      <c r="C2944" s="39" t="s">
        <v>54</v>
      </c>
      <c r="D2944" s="45">
        <v>511</v>
      </c>
      <c r="E2944" s="46">
        <v>0</v>
      </c>
      <c r="F2944" s="46">
        <v>0.4</v>
      </c>
      <c r="G2944" s="46">
        <v>2.2999999999999998</v>
      </c>
      <c r="H2944" s="46">
        <v>8</v>
      </c>
      <c r="I2944" s="46">
        <v>11.4</v>
      </c>
      <c r="J2944" s="46">
        <v>13.3</v>
      </c>
      <c r="K2944" s="46">
        <v>10.6</v>
      </c>
      <c r="L2944" s="46">
        <v>9.6</v>
      </c>
      <c r="M2944" s="46">
        <v>8.4</v>
      </c>
      <c r="N2944" s="46">
        <v>8.1999999999999993</v>
      </c>
      <c r="O2944" s="46">
        <v>5.0999999999999996</v>
      </c>
      <c r="P2944" s="46">
        <v>5.9</v>
      </c>
      <c r="Q2944" s="46">
        <v>3.9</v>
      </c>
      <c r="R2944" s="46">
        <v>0.6</v>
      </c>
      <c r="S2944" s="46">
        <v>0.2</v>
      </c>
      <c r="T2944" s="47">
        <v>12.1</v>
      </c>
    </row>
    <row r="2945" spans="1:25" ht="21.6" x14ac:dyDescent="0.2">
      <c r="B2945" s="76"/>
      <c r="C2945" s="39" t="s">
        <v>55</v>
      </c>
      <c r="D2945" s="45">
        <v>615</v>
      </c>
      <c r="E2945" s="46">
        <v>0</v>
      </c>
      <c r="F2945" s="46">
        <v>0.7</v>
      </c>
      <c r="G2945" s="46">
        <v>1.5</v>
      </c>
      <c r="H2945" s="46">
        <v>5.9</v>
      </c>
      <c r="I2945" s="46">
        <v>8.3000000000000007</v>
      </c>
      <c r="J2945" s="46">
        <v>11.2</v>
      </c>
      <c r="K2945" s="46">
        <v>9.1</v>
      </c>
      <c r="L2945" s="46">
        <v>8.3000000000000007</v>
      </c>
      <c r="M2945" s="46">
        <v>9.1</v>
      </c>
      <c r="N2945" s="46">
        <v>7.3</v>
      </c>
      <c r="O2945" s="46">
        <v>7.3</v>
      </c>
      <c r="P2945" s="46">
        <v>11.1</v>
      </c>
      <c r="Q2945" s="46">
        <v>3.9</v>
      </c>
      <c r="R2945" s="46">
        <v>3.6</v>
      </c>
      <c r="S2945" s="46">
        <v>2.6</v>
      </c>
      <c r="T2945" s="47">
        <v>10.199999999999999</v>
      </c>
    </row>
    <row r="2946" spans="1:25" ht="21.6" x14ac:dyDescent="0.2">
      <c r="B2946" s="76"/>
      <c r="C2946" s="39" t="s">
        <v>56</v>
      </c>
      <c r="D2946" s="45">
        <v>800</v>
      </c>
      <c r="E2946" s="46">
        <v>0</v>
      </c>
      <c r="F2946" s="46">
        <v>1</v>
      </c>
      <c r="G2946" s="46">
        <v>3.3</v>
      </c>
      <c r="H2946" s="46">
        <v>6</v>
      </c>
      <c r="I2946" s="46">
        <v>8</v>
      </c>
      <c r="J2946" s="46">
        <v>12.4</v>
      </c>
      <c r="K2946" s="46">
        <v>9.5</v>
      </c>
      <c r="L2946" s="46">
        <v>8.3000000000000007</v>
      </c>
      <c r="M2946" s="46">
        <v>8</v>
      </c>
      <c r="N2946" s="46">
        <v>6.4</v>
      </c>
      <c r="O2946" s="46">
        <v>6.4</v>
      </c>
      <c r="P2946" s="46">
        <v>9.1</v>
      </c>
      <c r="Q2946" s="46">
        <v>4</v>
      </c>
      <c r="R2946" s="46">
        <v>2.4</v>
      </c>
      <c r="S2946" s="46">
        <v>1.3</v>
      </c>
      <c r="T2946" s="47">
        <v>14.1</v>
      </c>
    </row>
    <row r="2947" spans="1:25" x14ac:dyDescent="0.2">
      <c r="B2947" s="76"/>
      <c r="C2947" s="40" t="s">
        <v>57</v>
      </c>
      <c r="D2947" s="48">
        <v>798</v>
      </c>
      <c r="E2947" s="49">
        <v>0</v>
      </c>
      <c r="F2947" s="49">
        <v>1.6</v>
      </c>
      <c r="G2947" s="49">
        <v>2.6</v>
      </c>
      <c r="H2947" s="49">
        <v>8.3000000000000007</v>
      </c>
      <c r="I2947" s="49">
        <v>10.9</v>
      </c>
      <c r="J2947" s="49">
        <v>12.9</v>
      </c>
      <c r="K2947" s="49">
        <v>11.7</v>
      </c>
      <c r="L2947" s="49">
        <v>9.8000000000000007</v>
      </c>
      <c r="M2947" s="49">
        <v>6.9</v>
      </c>
      <c r="N2947" s="49">
        <v>7</v>
      </c>
      <c r="O2947" s="49">
        <v>5.0999999999999996</v>
      </c>
      <c r="P2947" s="49">
        <v>5.4</v>
      </c>
      <c r="Q2947" s="49">
        <v>4</v>
      </c>
      <c r="R2947" s="49">
        <v>1.1000000000000001</v>
      </c>
      <c r="S2947" s="49">
        <v>1.4</v>
      </c>
      <c r="T2947" s="50">
        <v>11.3</v>
      </c>
    </row>
    <row r="2948" spans="1:25" x14ac:dyDescent="0.2">
      <c r="B2948" s="7" t="s">
        <v>71</v>
      </c>
      <c r="C2948" s="4" t="s">
        <v>166</v>
      </c>
    </row>
    <row r="2949" spans="1:25" x14ac:dyDescent="0.2">
      <c r="B2949" s="4"/>
      <c r="C2949" s="4" t="s">
        <v>73</v>
      </c>
    </row>
    <row r="2951" spans="1:25" x14ac:dyDescent="0.2">
      <c r="C2951" t="s">
        <v>35</v>
      </c>
    </row>
    <row r="2952" spans="1:25" x14ac:dyDescent="0.2">
      <c r="B2952" s="74" t="s">
        <v>235</v>
      </c>
      <c r="C2952" s="75"/>
      <c r="D2952" s="75"/>
      <c r="E2952" s="75"/>
      <c r="F2952" s="75"/>
      <c r="G2952" s="75"/>
      <c r="H2952" s="75"/>
      <c r="I2952" s="75"/>
      <c r="J2952" s="75"/>
      <c r="K2952" s="75"/>
      <c r="L2952" s="75"/>
      <c r="M2952" s="75"/>
      <c r="N2952" s="75"/>
      <c r="O2952" s="75"/>
      <c r="P2952" s="75"/>
      <c r="Q2952" s="75"/>
      <c r="R2952" s="75"/>
      <c r="S2952" s="75"/>
      <c r="T2952" s="75"/>
      <c r="U2952" s="75"/>
      <c r="V2952" s="75"/>
      <c r="W2952" s="75"/>
      <c r="X2952" s="75"/>
      <c r="Y2952" s="75"/>
    </row>
    <row r="2953" spans="1:25" s="32" customFormat="1" ht="58.05" customHeight="1" x14ac:dyDescent="0.15">
      <c r="A2953" s="31"/>
      <c r="D2953" s="33" t="s">
        <v>242</v>
      </c>
      <c r="E2953" s="35" t="s">
        <v>433</v>
      </c>
      <c r="F2953" s="36" t="s">
        <v>434</v>
      </c>
      <c r="G2953" s="36" t="s">
        <v>435</v>
      </c>
      <c r="H2953" s="36" t="s">
        <v>436</v>
      </c>
      <c r="I2953" s="36" t="s">
        <v>437</v>
      </c>
      <c r="J2953" s="36" t="s">
        <v>438</v>
      </c>
      <c r="K2953" s="36" t="s">
        <v>439</v>
      </c>
      <c r="L2953" s="36" t="s">
        <v>440</v>
      </c>
      <c r="M2953" s="36" t="s">
        <v>441</v>
      </c>
      <c r="N2953" s="36" t="s">
        <v>442</v>
      </c>
      <c r="O2953" s="36" t="s">
        <v>443</v>
      </c>
      <c r="P2953" s="36" t="s">
        <v>444</v>
      </c>
      <c r="Q2953" s="36" t="s">
        <v>445</v>
      </c>
      <c r="R2953" s="36" t="s">
        <v>446</v>
      </c>
      <c r="S2953" s="36" t="s">
        <v>447</v>
      </c>
      <c r="T2953" s="37" t="s">
        <v>276</v>
      </c>
      <c r="U2953" s="34" t="s">
        <v>251</v>
      </c>
    </row>
    <row r="2954" spans="1:25" ht="21.6" x14ac:dyDescent="0.2">
      <c r="B2954" s="76" t="s">
        <v>37</v>
      </c>
      <c r="C2954" s="38" t="s">
        <v>58</v>
      </c>
      <c r="D2954" s="51">
        <v>609</v>
      </c>
      <c r="E2954" s="52">
        <v>0</v>
      </c>
      <c r="F2954" s="52">
        <v>0.7</v>
      </c>
      <c r="G2954" s="52">
        <v>3.9</v>
      </c>
      <c r="H2954" s="52">
        <v>5.7</v>
      </c>
      <c r="I2954" s="52">
        <v>9.9</v>
      </c>
      <c r="J2954" s="52">
        <v>12.6</v>
      </c>
      <c r="K2954" s="52">
        <v>11.3</v>
      </c>
      <c r="L2954" s="52">
        <v>9.4</v>
      </c>
      <c r="M2954" s="52">
        <v>9</v>
      </c>
      <c r="N2954" s="52">
        <v>6.1</v>
      </c>
      <c r="O2954" s="52">
        <v>5.0999999999999996</v>
      </c>
      <c r="P2954" s="52">
        <v>6.9</v>
      </c>
      <c r="Q2954" s="52">
        <v>3</v>
      </c>
      <c r="R2954" s="52">
        <v>1.5</v>
      </c>
      <c r="S2954" s="52">
        <v>0.8</v>
      </c>
      <c r="T2954" s="53">
        <v>14.1</v>
      </c>
    </row>
    <row r="2955" spans="1:25" ht="21.6" x14ac:dyDescent="0.2">
      <c r="B2955" s="76"/>
      <c r="C2955" s="39" t="s">
        <v>59</v>
      </c>
      <c r="D2955" s="45">
        <v>1391</v>
      </c>
      <c r="E2955" s="46">
        <v>0</v>
      </c>
      <c r="F2955" s="46">
        <v>2.6</v>
      </c>
      <c r="G2955" s="46">
        <v>3.7</v>
      </c>
      <c r="H2955" s="46">
        <v>9.3000000000000007</v>
      </c>
      <c r="I2955" s="46">
        <v>9.6</v>
      </c>
      <c r="J2955" s="46">
        <v>11.7</v>
      </c>
      <c r="K2955" s="46">
        <v>9.5</v>
      </c>
      <c r="L2955" s="46">
        <v>7.9</v>
      </c>
      <c r="M2955" s="46">
        <v>6</v>
      </c>
      <c r="N2955" s="46">
        <v>6.3</v>
      </c>
      <c r="O2955" s="46">
        <v>4.9000000000000004</v>
      </c>
      <c r="P2955" s="46">
        <v>5.8</v>
      </c>
      <c r="Q2955" s="46">
        <v>3.5</v>
      </c>
      <c r="R2955" s="46">
        <v>1.7</v>
      </c>
      <c r="S2955" s="46">
        <v>1.4</v>
      </c>
      <c r="T2955" s="47">
        <v>16.2</v>
      </c>
    </row>
    <row r="2956" spans="1:25" x14ac:dyDescent="0.2">
      <c r="B2956" s="76"/>
      <c r="C2956" s="39" t="s">
        <v>60</v>
      </c>
      <c r="D2956" s="45">
        <v>1325</v>
      </c>
      <c r="E2956" s="46">
        <v>0</v>
      </c>
      <c r="F2956" s="46">
        <v>1.7</v>
      </c>
      <c r="G2956" s="46">
        <v>3.1</v>
      </c>
      <c r="H2956" s="46">
        <v>8.1999999999999993</v>
      </c>
      <c r="I2956" s="46">
        <v>10.3</v>
      </c>
      <c r="J2956" s="46">
        <v>11.5</v>
      </c>
      <c r="K2956" s="46">
        <v>10</v>
      </c>
      <c r="L2956" s="46">
        <v>7.7</v>
      </c>
      <c r="M2956" s="46">
        <v>6.6</v>
      </c>
      <c r="N2956" s="46">
        <v>6.7</v>
      </c>
      <c r="O2956" s="46">
        <v>5.5</v>
      </c>
      <c r="P2956" s="46">
        <v>6.6</v>
      </c>
      <c r="Q2956" s="46">
        <v>3.5</v>
      </c>
      <c r="R2956" s="46">
        <v>2.1</v>
      </c>
      <c r="S2956" s="46">
        <v>1.6</v>
      </c>
      <c r="T2956" s="47">
        <v>14.9</v>
      </c>
    </row>
    <row r="2957" spans="1:25" x14ac:dyDescent="0.2">
      <c r="B2957" s="76"/>
      <c r="C2957" s="39" t="s">
        <v>61</v>
      </c>
      <c r="D2957" s="45">
        <v>675</v>
      </c>
      <c r="E2957" s="46">
        <v>0</v>
      </c>
      <c r="F2957" s="46">
        <v>2.7</v>
      </c>
      <c r="G2957" s="46">
        <v>5.2</v>
      </c>
      <c r="H2957" s="46">
        <v>8.3000000000000007</v>
      </c>
      <c r="I2957" s="46">
        <v>8.4</v>
      </c>
      <c r="J2957" s="46">
        <v>12.9</v>
      </c>
      <c r="K2957" s="46">
        <v>10.199999999999999</v>
      </c>
      <c r="L2957" s="46">
        <v>9.6</v>
      </c>
      <c r="M2957" s="46">
        <v>7.4</v>
      </c>
      <c r="N2957" s="46">
        <v>5.2</v>
      </c>
      <c r="O2957" s="46">
        <v>3.9</v>
      </c>
      <c r="P2957" s="46">
        <v>5.3</v>
      </c>
      <c r="Q2957" s="46">
        <v>3</v>
      </c>
      <c r="R2957" s="46">
        <v>0.7</v>
      </c>
      <c r="S2957" s="46">
        <v>0.4</v>
      </c>
      <c r="T2957" s="47">
        <v>16.7</v>
      </c>
    </row>
    <row r="2958" spans="1:25" x14ac:dyDescent="0.2">
      <c r="B2958" s="76"/>
      <c r="C2958" s="39" t="s">
        <v>62</v>
      </c>
      <c r="D2958" s="45">
        <v>1086</v>
      </c>
      <c r="E2958" s="46">
        <v>0</v>
      </c>
      <c r="F2958" s="46">
        <v>1.1000000000000001</v>
      </c>
      <c r="G2958" s="46">
        <v>2.2999999999999998</v>
      </c>
      <c r="H2958" s="46">
        <v>6.1</v>
      </c>
      <c r="I2958" s="46">
        <v>8.9</v>
      </c>
      <c r="J2958" s="46">
        <v>12.2</v>
      </c>
      <c r="K2958" s="46">
        <v>11.2</v>
      </c>
      <c r="L2958" s="46">
        <v>9.6</v>
      </c>
      <c r="M2958" s="46">
        <v>9.1999999999999993</v>
      </c>
      <c r="N2958" s="46">
        <v>7.1</v>
      </c>
      <c r="O2958" s="46">
        <v>6.1</v>
      </c>
      <c r="P2958" s="46">
        <v>7.5</v>
      </c>
      <c r="Q2958" s="46">
        <v>3.7</v>
      </c>
      <c r="R2958" s="46">
        <v>1.6</v>
      </c>
      <c r="S2958" s="46">
        <v>1.2</v>
      </c>
      <c r="T2958" s="47">
        <v>12.2</v>
      </c>
    </row>
    <row r="2959" spans="1:25" ht="21.6" x14ac:dyDescent="0.2">
      <c r="B2959" s="76"/>
      <c r="C2959" s="39" t="s">
        <v>63</v>
      </c>
      <c r="D2959" s="45">
        <v>203</v>
      </c>
      <c r="E2959" s="46">
        <v>0</v>
      </c>
      <c r="F2959" s="46">
        <v>2</v>
      </c>
      <c r="G2959" s="46">
        <v>3.9</v>
      </c>
      <c r="H2959" s="46">
        <v>9.4</v>
      </c>
      <c r="I2959" s="46">
        <v>14.8</v>
      </c>
      <c r="J2959" s="46">
        <v>12.3</v>
      </c>
      <c r="K2959" s="46">
        <v>7.9</v>
      </c>
      <c r="L2959" s="46">
        <v>4.9000000000000004</v>
      </c>
      <c r="M2959" s="46">
        <v>4.4000000000000004</v>
      </c>
      <c r="N2959" s="46">
        <v>4.4000000000000004</v>
      </c>
      <c r="O2959" s="46">
        <v>3</v>
      </c>
      <c r="P2959" s="46">
        <v>3.9</v>
      </c>
      <c r="Q2959" s="46">
        <v>2.5</v>
      </c>
      <c r="R2959" s="46">
        <v>2.5</v>
      </c>
      <c r="S2959" s="46">
        <v>3</v>
      </c>
      <c r="T2959" s="47">
        <v>21.2</v>
      </c>
    </row>
    <row r="2960" spans="1:25" x14ac:dyDescent="0.2">
      <c r="B2960" s="76"/>
      <c r="C2960" s="39" t="s">
        <v>64</v>
      </c>
      <c r="D2960" s="45">
        <v>263</v>
      </c>
      <c r="E2960" s="46">
        <v>0</v>
      </c>
      <c r="F2960" s="46">
        <v>1.5</v>
      </c>
      <c r="G2960" s="46">
        <v>3</v>
      </c>
      <c r="H2960" s="46">
        <v>3</v>
      </c>
      <c r="I2960" s="46">
        <v>8.6999999999999993</v>
      </c>
      <c r="J2960" s="46">
        <v>12.9</v>
      </c>
      <c r="K2960" s="46">
        <v>15.6</v>
      </c>
      <c r="L2960" s="46">
        <v>11.4</v>
      </c>
      <c r="M2960" s="46">
        <v>10.3</v>
      </c>
      <c r="N2960" s="46">
        <v>6.8</v>
      </c>
      <c r="O2960" s="46">
        <v>3.8</v>
      </c>
      <c r="P2960" s="46">
        <v>7.6</v>
      </c>
      <c r="Q2960" s="46">
        <v>1.1000000000000001</v>
      </c>
      <c r="R2960" s="46">
        <v>1.1000000000000001</v>
      </c>
      <c r="S2960" s="46">
        <v>0.8</v>
      </c>
      <c r="T2960" s="47">
        <v>12.2</v>
      </c>
    </row>
    <row r="2961" spans="2:20" x14ac:dyDescent="0.2">
      <c r="B2961" s="76"/>
      <c r="C2961" s="39" t="s">
        <v>65</v>
      </c>
      <c r="D2961" s="45">
        <v>312</v>
      </c>
      <c r="E2961" s="46">
        <v>0</v>
      </c>
      <c r="F2961" s="46">
        <v>1</v>
      </c>
      <c r="G2961" s="46">
        <v>1</v>
      </c>
      <c r="H2961" s="46">
        <v>5.4</v>
      </c>
      <c r="I2961" s="46">
        <v>7.4</v>
      </c>
      <c r="J2961" s="46">
        <v>13.1</v>
      </c>
      <c r="K2961" s="46">
        <v>10.3</v>
      </c>
      <c r="L2961" s="46">
        <v>12.5</v>
      </c>
      <c r="M2961" s="46">
        <v>10.3</v>
      </c>
      <c r="N2961" s="46">
        <v>9.3000000000000007</v>
      </c>
      <c r="O2961" s="46">
        <v>7.1</v>
      </c>
      <c r="P2961" s="46">
        <v>5.8</v>
      </c>
      <c r="Q2961" s="46">
        <v>3.8</v>
      </c>
      <c r="R2961" s="46">
        <v>1</v>
      </c>
      <c r="S2961" s="46">
        <v>0.6</v>
      </c>
      <c r="T2961" s="47">
        <v>11.5</v>
      </c>
    </row>
    <row r="2962" spans="2:20" x14ac:dyDescent="0.2">
      <c r="B2962" s="76"/>
      <c r="C2962" s="39" t="s">
        <v>66</v>
      </c>
      <c r="D2962" s="45">
        <v>230</v>
      </c>
      <c r="E2962" s="46">
        <v>0</v>
      </c>
      <c r="F2962" s="46">
        <v>0</v>
      </c>
      <c r="G2962" s="46">
        <v>1.3</v>
      </c>
      <c r="H2962" s="46">
        <v>5.7</v>
      </c>
      <c r="I2962" s="46">
        <v>5.2</v>
      </c>
      <c r="J2962" s="46">
        <v>9.1</v>
      </c>
      <c r="K2962" s="46">
        <v>9.6</v>
      </c>
      <c r="L2962" s="46">
        <v>7.8</v>
      </c>
      <c r="M2962" s="46">
        <v>11.7</v>
      </c>
      <c r="N2962" s="46">
        <v>7</v>
      </c>
      <c r="O2962" s="46">
        <v>10.4</v>
      </c>
      <c r="P2962" s="46">
        <v>12.6</v>
      </c>
      <c r="Q2962" s="46">
        <v>7</v>
      </c>
      <c r="R2962" s="46">
        <v>2.2000000000000002</v>
      </c>
      <c r="S2962" s="46">
        <v>1.3</v>
      </c>
      <c r="T2962" s="47">
        <v>9.1</v>
      </c>
    </row>
    <row r="2963" spans="2:20" x14ac:dyDescent="0.2">
      <c r="B2963" s="76"/>
      <c r="C2963" s="39" t="s">
        <v>67</v>
      </c>
      <c r="D2963" s="45">
        <v>78</v>
      </c>
      <c r="E2963" s="46">
        <v>0</v>
      </c>
      <c r="F2963" s="46">
        <v>1.3</v>
      </c>
      <c r="G2963" s="46">
        <v>3.8</v>
      </c>
      <c r="H2963" s="46">
        <v>11.5</v>
      </c>
      <c r="I2963" s="46">
        <v>11.5</v>
      </c>
      <c r="J2963" s="46">
        <v>15.4</v>
      </c>
      <c r="K2963" s="46">
        <v>14.1</v>
      </c>
      <c r="L2963" s="46">
        <v>9</v>
      </c>
      <c r="M2963" s="46">
        <v>6.4</v>
      </c>
      <c r="N2963" s="46">
        <v>6.4</v>
      </c>
      <c r="O2963" s="46">
        <v>5.0999999999999996</v>
      </c>
      <c r="P2963" s="46">
        <v>7.7</v>
      </c>
      <c r="Q2963" s="46">
        <v>5.0999999999999996</v>
      </c>
      <c r="R2963" s="46">
        <v>1.3</v>
      </c>
      <c r="S2963" s="46">
        <v>0</v>
      </c>
      <c r="T2963" s="47">
        <v>1.3</v>
      </c>
    </row>
    <row r="2964" spans="2:20" x14ac:dyDescent="0.2">
      <c r="B2964" s="76"/>
      <c r="C2964" s="39" t="s">
        <v>68</v>
      </c>
      <c r="D2964" s="45">
        <v>897</v>
      </c>
      <c r="E2964" s="46">
        <v>0</v>
      </c>
      <c r="F2964" s="46">
        <v>0.6</v>
      </c>
      <c r="G2964" s="46">
        <v>0.3</v>
      </c>
      <c r="H2964" s="46">
        <v>4</v>
      </c>
      <c r="I2964" s="46">
        <v>8</v>
      </c>
      <c r="J2964" s="46">
        <v>12.6</v>
      </c>
      <c r="K2964" s="46">
        <v>11.6</v>
      </c>
      <c r="L2964" s="46">
        <v>10.5</v>
      </c>
      <c r="M2964" s="46">
        <v>10.3</v>
      </c>
      <c r="N2964" s="46">
        <v>7.7</v>
      </c>
      <c r="O2964" s="46">
        <v>6.9</v>
      </c>
      <c r="P2964" s="46">
        <v>8.6999999999999993</v>
      </c>
      <c r="Q2964" s="46">
        <v>4.2</v>
      </c>
      <c r="R2964" s="46">
        <v>1.7</v>
      </c>
      <c r="S2964" s="46">
        <v>1.4</v>
      </c>
      <c r="T2964" s="47">
        <v>11.5</v>
      </c>
    </row>
    <row r="2965" spans="2:20" x14ac:dyDescent="0.2">
      <c r="B2965" s="76"/>
      <c r="C2965" s="39" t="s">
        <v>69</v>
      </c>
      <c r="D2965" s="45">
        <v>189</v>
      </c>
      <c r="E2965" s="46">
        <v>0</v>
      </c>
      <c r="F2965" s="46">
        <v>3.7</v>
      </c>
      <c r="G2965" s="46">
        <v>11.6</v>
      </c>
      <c r="H2965" s="46">
        <v>15.9</v>
      </c>
      <c r="I2965" s="46">
        <v>13.2</v>
      </c>
      <c r="J2965" s="46">
        <v>10.6</v>
      </c>
      <c r="K2965" s="46">
        <v>9.5</v>
      </c>
      <c r="L2965" s="46">
        <v>5.3</v>
      </c>
      <c r="M2965" s="46">
        <v>4.2</v>
      </c>
      <c r="N2965" s="46">
        <v>4.2</v>
      </c>
      <c r="O2965" s="46">
        <v>2.1</v>
      </c>
      <c r="P2965" s="46">
        <v>1.6</v>
      </c>
      <c r="Q2965" s="46">
        <v>1.1000000000000001</v>
      </c>
      <c r="R2965" s="46">
        <v>1.1000000000000001</v>
      </c>
      <c r="S2965" s="46">
        <v>0</v>
      </c>
      <c r="T2965" s="47">
        <v>15.9</v>
      </c>
    </row>
    <row r="2966" spans="2:20" x14ac:dyDescent="0.2">
      <c r="B2966" s="76"/>
      <c r="C2966" s="39" t="s">
        <v>70</v>
      </c>
      <c r="D2966" s="45">
        <v>914</v>
      </c>
      <c r="E2966" s="46">
        <v>0</v>
      </c>
      <c r="F2966" s="46">
        <v>3.1</v>
      </c>
      <c r="G2966" s="46">
        <v>5.6</v>
      </c>
      <c r="H2966" s="46">
        <v>10.7</v>
      </c>
      <c r="I2966" s="46">
        <v>10.5</v>
      </c>
      <c r="J2966" s="46">
        <v>11.7</v>
      </c>
      <c r="K2966" s="46">
        <v>8.6</v>
      </c>
      <c r="L2966" s="46">
        <v>6.9</v>
      </c>
      <c r="M2966" s="46">
        <v>4.2</v>
      </c>
      <c r="N2966" s="46">
        <v>5.0999999999999996</v>
      </c>
      <c r="O2966" s="46">
        <v>3.6</v>
      </c>
      <c r="P2966" s="46">
        <v>4.5999999999999996</v>
      </c>
      <c r="Q2966" s="46">
        <v>3</v>
      </c>
      <c r="R2966" s="46">
        <v>1.8</v>
      </c>
      <c r="S2966" s="46">
        <v>1.2</v>
      </c>
      <c r="T2966" s="47">
        <v>19.5</v>
      </c>
    </row>
    <row r="2967" spans="2:20" ht="21.6" x14ac:dyDescent="0.2">
      <c r="B2967" s="76"/>
      <c r="C2967" s="39" t="s">
        <v>63</v>
      </c>
      <c r="D2967" s="45">
        <v>193</v>
      </c>
      <c r="E2967" s="46">
        <v>0</v>
      </c>
      <c r="F2967" s="46">
        <v>3.6</v>
      </c>
      <c r="G2967" s="46">
        <v>6.7</v>
      </c>
      <c r="H2967" s="46">
        <v>13.5</v>
      </c>
      <c r="I2967" s="46">
        <v>13.5</v>
      </c>
      <c r="J2967" s="46">
        <v>8.8000000000000007</v>
      </c>
      <c r="K2967" s="46">
        <v>6.2</v>
      </c>
      <c r="L2967" s="46">
        <v>5.2</v>
      </c>
      <c r="M2967" s="46">
        <v>3.1</v>
      </c>
      <c r="N2967" s="46">
        <v>3.1</v>
      </c>
      <c r="O2967" s="46">
        <v>1</v>
      </c>
      <c r="P2967" s="46">
        <v>4.0999999999999996</v>
      </c>
      <c r="Q2967" s="46">
        <v>1</v>
      </c>
      <c r="R2967" s="46">
        <v>1.6</v>
      </c>
      <c r="S2967" s="46">
        <v>0.5</v>
      </c>
      <c r="T2967" s="47">
        <v>28</v>
      </c>
    </row>
    <row r="2968" spans="2:20" x14ac:dyDescent="0.2">
      <c r="B2968" s="76"/>
      <c r="C2968" s="39" t="s">
        <v>64</v>
      </c>
      <c r="D2968" s="45">
        <v>203</v>
      </c>
      <c r="E2968" s="46">
        <v>0</v>
      </c>
      <c r="F2968" s="46">
        <v>2</v>
      </c>
      <c r="G2968" s="46">
        <v>5.4</v>
      </c>
      <c r="H2968" s="46">
        <v>9.9</v>
      </c>
      <c r="I2968" s="46">
        <v>10.8</v>
      </c>
      <c r="J2968" s="46">
        <v>10.3</v>
      </c>
      <c r="K2968" s="46">
        <v>10.8</v>
      </c>
      <c r="L2968" s="46">
        <v>5.4</v>
      </c>
      <c r="M2968" s="46">
        <v>4.9000000000000004</v>
      </c>
      <c r="N2968" s="46">
        <v>4.9000000000000004</v>
      </c>
      <c r="O2968" s="46">
        <v>3.9</v>
      </c>
      <c r="P2968" s="46">
        <v>4.4000000000000004</v>
      </c>
      <c r="Q2968" s="46">
        <v>2</v>
      </c>
      <c r="R2968" s="46">
        <v>3</v>
      </c>
      <c r="S2968" s="46">
        <v>1</v>
      </c>
      <c r="T2968" s="47">
        <v>21.2</v>
      </c>
    </row>
    <row r="2969" spans="2:20" x14ac:dyDescent="0.2">
      <c r="B2969" s="76"/>
      <c r="C2969" s="39" t="s">
        <v>65</v>
      </c>
      <c r="D2969" s="45">
        <v>263</v>
      </c>
      <c r="E2969" s="46">
        <v>0</v>
      </c>
      <c r="F2969" s="46">
        <v>2.7</v>
      </c>
      <c r="G2969" s="46">
        <v>5.7</v>
      </c>
      <c r="H2969" s="46">
        <v>11</v>
      </c>
      <c r="I2969" s="46">
        <v>8.4</v>
      </c>
      <c r="J2969" s="46">
        <v>13.3</v>
      </c>
      <c r="K2969" s="46">
        <v>10.6</v>
      </c>
      <c r="L2969" s="46">
        <v>8</v>
      </c>
      <c r="M2969" s="46">
        <v>4.2</v>
      </c>
      <c r="N2969" s="46">
        <v>5.3</v>
      </c>
      <c r="O2969" s="46">
        <v>2.7</v>
      </c>
      <c r="P2969" s="46">
        <v>3</v>
      </c>
      <c r="Q2969" s="46">
        <v>4.2</v>
      </c>
      <c r="R2969" s="46">
        <v>1.5</v>
      </c>
      <c r="S2969" s="46">
        <v>1.5</v>
      </c>
      <c r="T2969" s="47">
        <v>17.899999999999999</v>
      </c>
    </row>
    <row r="2970" spans="2:20" x14ac:dyDescent="0.2">
      <c r="B2970" s="76"/>
      <c r="C2970" s="39" t="s">
        <v>66</v>
      </c>
      <c r="D2970" s="45">
        <v>194</v>
      </c>
      <c r="E2970" s="46">
        <v>0</v>
      </c>
      <c r="F2970" s="46">
        <v>4.0999999999999996</v>
      </c>
      <c r="G2970" s="46">
        <v>4.0999999999999996</v>
      </c>
      <c r="H2970" s="46">
        <v>7.2</v>
      </c>
      <c r="I2970" s="46">
        <v>10.3</v>
      </c>
      <c r="J2970" s="46">
        <v>14.9</v>
      </c>
      <c r="K2970" s="46">
        <v>6.2</v>
      </c>
      <c r="L2970" s="46">
        <v>8.1999999999999993</v>
      </c>
      <c r="M2970" s="46">
        <v>4.0999999999999996</v>
      </c>
      <c r="N2970" s="46">
        <v>6.7</v>
      </c>
      <c r="O2970" s="46">
        <v>5.7</v>
      </c>
      <c r="P2970" s="46">
        <v>6.2</v>
      </c>
      <c r="Q2970" s="46">
        <v>5.2</v>
      </c>
      <c r="R2970" s="46">
        <v>1</v>
      </c>
      <c r="S2970" s="46">
        <v>2.1</v>
      </c>
      <c r="T2970" s="47">
        <v>13.9</v>
      </c>
    </row>
    <row r="2971" spans="2:20" x14ac:dyDescent="0.2">
      <c r="B2971" s="76"/>
      <c r="C2971" s="39" t="s">
        <v>67</v>
      </c>
      <c r="D2971" s="45">
        <v>61</v>
      </c>
      <c r="E2971" s="46">
        <v>0</v>
      </c>
      <c r="F2971" s="46">
        <v>3.3</v>
      </c>
      <c r="G2971" s="46">
        <v>6.6</v>
      </c>
      <c r="H2971" s="46">
        <v>14.8</v>
      </c>
      <c r="I2971" s="46">
        <v>9.8000000000000007</v>
      </c>
      <c r="J2971" s="46">
        <v>8.1999999999999993</v>
      </c>
      <c r="K2971" s="46">
        <v>8.1999999999999993</v>
      </c>
      <c r="L2971" s="46">
        <v>8.1999999999999993</v>
      </c>
      <c r="M2971" s="46">
        <v>4.9000000000000004</v>
      </c>
      <c r="N2971" s="46">
        <v>6.6</v>
      </c>
      <c r="O2971" s="46">
        <v>8.1999999999999993</v>
      </c>
      <c r="P2971" s="46">
        <v>8.1999999999999993</v>
      </c>
      <c r="Q2971" s="46">
        <v>0</v>
      </c>
      <c r="R2971" s="46">
        <v>1.6</v>
      </c>
      <c r="S2971" s="46">
        <v>0</v>
      </c>
      <c r="T2971" s="47">
        <v>11.5</v>
      </c>
    </row>
    <row r="2972" spans="2:20" x14ac:dyDescent="0.2">
      <c r="B2972" s="76"/>
      <c r="C2972" s="39" t="s">
        <v>68</v>
      </c>
      <c r="D2972" s="45">
        <v>416</v>
      </c>
      <c r="E2972" s="46">
        <v>0</v>
      </c>
      <c r="F2972" s="46">
        <v>0.2</v>
      </c>
      <c r="G2972" s="46">
        <v>2.6</v>
      </c>
      <c r="H2972" s="46">
        <v>10.6</v>
      </c>
      <c r="I2972" s="46">
        <v>13</v>
      </c>
      <c r="J2972" s="46">
        <v>13.2</v>
      </c>
      <c r="K2972" s="46">
        <v>8.1999999999999993</v>
      </c>
      <c r="L2972" s="46">
        <v>8.1999999999999993</v>
      </c>
      <c r="M2972" s="46">
        <v>3.8</v>
      </c>
      <c r="N2972" s="46">
        <v>5.5</v>
      </c>
      <c r="O2972" s="46">
        <v>4.3</v>
      </c>
      <c r="P2972" s="46">
        <v>6</v>
      </c>
      <c r="Q2972" s="46">
        <v>4.0999999999999996</v>
      </c>
      <c r="R2972" s="46">
        <v>3.1</v>
      </c>
      <c r="S2972" s="46">
        <v>1.2</v>
      </c>
      <c r="T2972" s="47">
        <v>15.9</v>
      </c>
    </row>
    <row r="2973" spans="2:20" x14ac:dyDescent="0.2">
      <c r="B2973" s="76"/>
      <c r="C2973" s="40" t="s">
        <v>69</v>
      </c>
      <c r="D2973" s="48">
        <v>498</v>
      </c>
      <c r="E2973" s="49">
        <v>0</v>
      </c>
      <c r="F2973" s="49">
        <v>5.4</v>
      </c>
      <c r="G2973" s="49">
        <v>8</v>
      </c>
      <c r="H2973" s="49">
        <v>10.8</v>
      </c>
      <c r="I2973" s="49">
        <v>8.4</v>
      </c>
      <c r="J2973" s="49">
        <v>10.4</v>
      </c>
      <c r="K2973" s="49">
        <v>9</v>
      </c>
      <c r="L2973" s="49">
        <v>5.8</v>
      </c>
      <c r="M2973" s="49">
        <v>4.4000000000000004</v>
      </c>
      <c r="N2973" s="49">
        <v>4.8</v>
      </c>
      <c r="O2973" s="49">
        <v>3</v>
      </c>
      <c r="P2973" s="49">
        <v>3.4</v>
      </c>
      <c r="Q2973" s="49">
        <v>2</v>
      </c>
      <c r="R2973" s="49">
        <v>0.6</v>
      </c>
      <c r="S2973" s="49">
        <v>1.2</v>
      </c>
      <c r="T2973" s="50">
        <v>22.5</v>
      </c>
    </row>
    <row r="2974" spans="2:20" x14ac:dyDescent="0.2">
      <c r="B2974" s="7" t="s">
        <v>71</v>
      </c>
      <c r="C2974" s="4" t="s">
        <v>166</v>
      </c>
    </row>
    <row r="2975" spans="2:20" x14ac:dyDescent="0.2">
      <c r="B2975" s="4"/>
      <c r="C2975" s="4" t="s">
        <v>73</v>
      </c>
    </row>
    <row r="2977" spans="1:25" x14ac:dyDescent="0.2">
      <c r="A2977" s="26" t="s">
        <v>25</v>
      </c>
      <c r="B2977" t="s">
        <v>35</v>
      </c>
      <c r="C2977" t="s">
        <v>35</v>
      </c>
    </row>
    <row r="2978" spans="1:25" x14ac:dyDescent="0.2">
      <c r="B2978" s="74" t="s">
        <v>167</v>
      </c>
      <c r="C2978" s="75"/>
      <c r="D2978" s="75"/>
      <c r="E2978" s="75"/>
      <c r="F2978" s="75"/>
      <c r="G2978" s="75"/>
      <c r="H2978" s="75"/>
      <c r="I2978" s="75"/>
      <c r="J2978" s="75"/>
      <c r="K2978" s="75"/>
      <c r="L2978" s="75"/>
      <c r="M2978" s="75"/>
      <c r="N2978" s="75"/>
      <c r="O2978" s="75"/>
      <c r="P2978" s="75"/>
      <c r="Q2978" s="75"/>
      <c r="R2978" s="75"/>
      <c r="S2978" s="75"/>
      <c r="T2978" s="75"/>
      <c r="U2978" s="75"/>
      <c r="V2978" s="75"/>
      <c r="W2978" s="75"/>
      <c r="X2978" s="75"/>
      <c r="Y2978" s="75"/>
    </row>
    <row r="2979" spans="1:25" s="32" customFormat="1" ht="47.25" customHeight="1" x14ac:dyDescent="0.15">
      <c r="A2979" s="31"/>
      <c r="D2979" s="33" t="s">
        <v>242</v>
      </c>
      <c r="E2979" s="35" t="s">
        <v>434</v>
      </c>
      <c r="F2979" s="36" t="s">
        <v>435</v>
      </c>
      <c r="G2979" s="36" t="s">
        <v>436</v>
      </c>
      <c r="H2979" s="36" t="s">
        <v>437</v>
      </c>
      <c r="I2979" s="36" t="s">
        <v>448</v>
      </c>
      <c r="J2979" s="36" t="s">
        <v>449</v>
      </c>
      <c r="K2979" s="37" t="s">
        <v>450</v>
      </c>
      <c r="L2979" s="34" t="s">
        <v>251</v>
      </c>
    </row>
    <row r="2980" spans="1:25" x14ac:dyDescent="0.2">
      <c r="B2980" s="5"/>
      <c r="C2980" s="41" t="s">
        <v>38</v>
      </c>
      <c r="D2980" s="42">
        <v>2000</v>
      </c>
      <c r="E2980" s="43">
        <v>14.1</v>
      </c>
      <c r="F2980" s="43">
        <v>12</v>
      </c>
      <c r="G2980" s="43">
        <v>15.5</v>
      </c>
      <c r="H2980" s="43">
        <v>14.9</v>
      </c>
      <c r="I2980" s="43">
        <v>23.3</v>
      </c>
      <c r="J2980" s="43">
        <v>11.1</v>
      </c>
      <c r="K2980" s="44">
        <v>9.3000000000000007</v>
      </c>
    </row>
    <row r="2981" spans="1:25" x14ac:dyDescent="0.2">
      <c r="B2981" s="76" t="s">
        <v>37</v>
      </c>
      <c r="C2981" s="39" t="s">
        <v>39</v>
      </c>
      <c r="D2981" s="45">
        <v>111</v>
      </c>
      <c r="E2981" s="46">
        <v>2.7</v>
      </c>
      <c r="F2981" s="46">
        <v>5.4</v>
      </c>
      <c r="G2981" s="46">
        <v>23.4</v>
      </c>
      <c r="H2981" s="46">
        <v>13.5</v>
      </c>
      <c r="I2981" s="46">
        <v>32.4</v>
      </c>
      <c r="J2981" s="46">
        <v>17.100000000000001</v>
      </c>
      <c r="K2981" s="47">
        <v>5.4</v>
      </c>
    </row>
    <row r="2982" spans="1:25" x14ac:dyDescent="0.2">
      <c r="B2982" s="76"/>
      <c r="C2982" s="39" t="s">
        <v>40</v>
      </c>
      <c r="D2982" s="45">
        <v>450</v>
      </c>
      <c r="E2982" s="46">
        <v>6.2</v>
      </c>
      <c r="F2982" s="46">
        <v>8.1999999999999993</v>
      </c>
      <c r="G2982" s="46">
        <v>11.6</v>
      </c>
      <c r="H2982" s="46">
        <v>13.8</v>
      </c>
      <c r="I2982" s="46">
        <v>30.7</v>
      </c>
      <c r="J2982" s="46">
        <v>15.3</v>
      </c>
      <c r="K2982" s="47">
        <v>14.2</v>
      </c>
    </row>
    <row r="2983" spans="1:25" ht="21.6" x14ac:dyDescent="0.2">
      <c r="B2983" s="76"/>
      <c r="C2983" s="39" t="s">
        <v>41</v>
      </c>
      <c r="D2983" s="45">
        <v>30</v>
      </c>
      <c r="E2983" s="46">
        <v>20</v>
      </c>
      <c r="F2983" s="46">
        <v>13.3</v>
      </c>
      <c r="G2983" s="46">
        <v>13.3</v>
      </c>
      <c r="H2983" s="46">
        <v>13.3</v>
      </c>
      <c r="I2983" s="46">
        <v>26.7</v>
      </c>
      <c r="J2983" s="46">
        <v>3.3</v>
      </c>
      <c r="K2983" s="47">
        <v>10</v>
      </c>
    </row>
    <row r="2984" spans="1:25" ht="21.6" x14ac:dyDescent="0.2">
      <c r="B2984" s="76"/>
      <c r="C2984" s="39" t="s">
        <v>42</v>
      </c>
      <c r="D2984" s="45">
        <v>336</v>
      </c>
      <c r="E2984" s="46">
        <v>7.1</v>
      </c>
      <c r="F2984" s="46">
        <v>7.4</v>
      </c>
      <c r="G2984" s="46">
        <v>13.7</v>
      </c>
      <c r="H2984" s="46">
        <v>14.9</v>
      </c>
      <c r="I2984" s="46">
        <v>28.6</v>
      </c>
      <c r="J2984" s="46">
        <v>16.399999999999999</v>
      </c>
      <c r="K2984" s="47">
        <v>11.9</v>
      </c>
    </row>
    <row r="2985" spans="1:25" ht="21.6" x14ac:dyDescent="0.2">
      <c r="B2985" s="76"/>
      <c r="C2985" s="39" t="s">
        <v>43</v>
      </c>
      <c r="D2985" s="45">
        <v>327</v>
      </c>
      <c r="E2985" s="46">
        <v>27.2</v>
      </c>
      <c r="F2985" s="46">
        <v>21.7</v>
      </c>
      <c r="G2985" s="46">
        <v>13.8</v>
      </c>
      <c r="H2985" s="46">
        <v>13.1</v>
      </c>
      <c r="I2985" s="46">
        <v>14.7</v>
      </c>
      <c r="J2985" s="46">
        <v>5.2</v>
      </c>
      <c r="K2985" s="47">
        <v>4.3</v>
      </c>
    </row>
    <row r="2986" spans="1:25" ht="21.6" x14ac:dyDescent="0.2">
      <c r="B2986" s="76"/>
      <c r="C2986" s="39" t="s">
        <v>44</v>
      </c>
      <c r="D2986" s="45">
        <v>181</v>
      </c>
      <c r="E2986" s="46">
        <v>5.5</v>
      </c>
      <c r="F2986" s="46">
        <v>8.3000000000000007</v>
      </c>
      <c r="G2986" s="46">
        <v>16.600000000000001</v>
      </c>
      <c r="H2986" s="46">
        <v>18.8</v>
      </c>
      <c r="I2986" s="46">
        <v>23.2</v>
      </c>
      <c r="J2986" s="46">
        <v>13.3</v>
      </c>
      <c r="K2986" s="47">
        <v>14.4</v>
      </c>
    </row>
    <row r="2987" spans="1:25" ht="21.6" x14ac:dyDescent="0.2">
      <c r="B2987" s="76"/>
      <c r="C2987" s="39" t="s">
        <v>45</v>
      </c>
      <c r="D2987" s="45">
        <v>565</v>
      </c>
      <c r="E2987" s="46">
        <v>21.6</v>
      </c>
      <c r="F2987" s="46">
        <v>14.3</v>
      </c>
      <c r="G2987" s="46">
        <v>18.899999999999999</v>
      </c>
      <c r="H2987" s="46">
        <v>15.8</v>
      </c>
      <c r="I2987" s="46">
        <v>17.3</v>
      </c>
      <c r="J2987" s="46">
        <v>6.4</v>
      </c>
      <c r="K2987" s="47">
        <v>5.7</v>
      </c>
    </row>
    <row r="2988" spans="1:25" ht="21.6" x14ac:dyDescent="0.2">
      <c r="B2988" s="76"/>
      <c r="C2988" s="39" t="s">
        <v>46</v>
      </c>
      <c r="D2988" s="45">
        <v>473</v>
      </c>
      <c r="E2988" s="46">
        <v>17.100000000000001</v>
      </c>
      <c r="F2988" s="46">
        <v>21.6</v>
      </c>
      <c r="G2988" s="46">
        <v>31.7</v>
      </c>
      <c r="H2988" s="46">
        <v>29.6</v>
      </c>
      <c r="I2988" s="46">
        <v>0</v>
      </c>
      <c r="J2988" s="46">
        <v>0</v>
      </c>
      <c r="K2988" s="47">
        <v>0</v>
      </c>
    </row>
    <row r="2989" spans="1:25" ht="21.6" x14ac:dyDescent="0.2">
      <c r="B2989" s="76"/>
      <c r="C2989" s="39" t="s">
        <v>47</v>
      </c>
      <c r="D2989" s="45">
        <v>441</v>
      </c>
      <c r="E2989" s="46">
        <v>12</v>
      </c>
      <c r="F2989" s="46">
        <v>8.1999999999999993</v>
      </c>
      <c r="G2989" s="46">
        <v>11.1</v>
      </c>
      <c r="H2989" s="46">
        <v>10.7</v>
      </c>
      <c r="I2989" s="46">
        <v>58</v>
      </c>
      <c r="J2989" s="46">
        <v>0</v>
      </c>
      <c r="K2989" s="47">
        <v>0</v>
      </c>
    </row>
    <row r="2990" spans="1:25" ht="21.6" x14ac:dyDescent="0.2">
      <c r="B2990" s="76"/>
      <c r="C2990" s="39" t="s">
        <v>48</v>
      </c>
      <c r="D2990" s="45">
        <v>305</v>
      </c>
      <c r="E2990" s="46">
        <v>7.9</v>
      </c>
      <c r="F2990" s="46">
        <v>5.9</v>
      </c>
      <c r="G2990" s="46">
        <v>9.1999999999999993</v>
      </c>
      <c r="H2990" s="46">
        <v>9.5</v>
      </c>
      <c r="I2990" s="46">
        <v>20.7</v>
      </c>
      <c r="J2990" s="46">
        <v>46.9</v>
      </c>
      <c r="K2990" s="47">
        <v>0</v>
      </c>
    </row>
    <row r="2991" spans="1:25" ht="21.6" x14ac:dyDescent="0.2">
      <c r="B2991" s="76"/>
      <c r="C2991" s="39" t="s">
        <v>49</v>
      </c>
      <c r="D2991" s="45">
        <v>223</v>
      </c>
      <c r="E2991" s="46">
        <v>4.9000000000000004</v>
      </c>
      <c r="F2991" s="46">
        <v>7.6</v>
      </c>
      <c r="G2991" s="46">
        <v>9</v>
      </c>
      <c r="H2991" s="46">
        <v>10.8</v>
      </c>
      <c r="I2991" s="46">
        <v>24.7</v>
      </c>
      <c r="J2991" s="46">
        <v>13</v>
      </c>
      <c r="K2991" s="47">
        <v>30</v>
      </c>
    </row>
    <row r="2992" spans="1:25" ht="21.6" x14ac:dyDescent="0.2">
      <c r="B2992" s="76"/>
      <c r="C2992" s="39" t="s">
        <v>50</v>
      </c>
      <c r="D2992" s="45">
        <v>123</v>
      </c>
      <c r="E2992" s="46">
        <v>8.9</v>
      </c>
      <c r="F2992" s="46">
        <v>3.3</v>
      </c>
      <c r="G2992" s="46">
        <v>6.5</v>
      </c>
      <c r="H2992" s="46">
        <v>6.5</v>
      </c>
      <c r="I2992" s="46">
        <v>18.7</v>
      </c>
      <c r="J2992" s="46">
        <v>14.6</v>
      </c>
      <c r="K2992" s="47">
        <v>41.5</v>
      </c>
    </row>
    <row r="2993" spans="1:25" ht="21.6" x14ac:dyDescent="0.2">
      <c r="B2993" s="76"/>
      <c r="C2993" s="39" t="s">
        <v>51</v>
      </c>
      <c r="D2993" s="45">
        <v>124</v>
      </c>
      <c r="E2993" s="46">
        <v>5.6</v>
      </c>
      <c r="F2993" s="46">
        <v>5.6</v>
      </c>
      <c r="G2993" s="46">
        <v>6.5</v>
      </c>
      <c r="H2993" s="46">
        <v>8.9</v>
      </c>
      <c r="I2993" s="46">
        <v>16.100000000000001</v>
      </c>
      <c r="J2993" s="46">
        <v>12.9</v>
      </c>
      <c r="K2993" s="47">
        <v>44.4</v>
      </c>
    </row>
    <row r="2994" spans="1:25" ht="21.6" x14ac:dyDescent="0.2">
      <c r="B2994" s="76"/>
      <c r="C2994" s="39" t="s">
        <v>52</v>
      </c>
      <c r="D2994" s="45">
        <v>312</v>
      </c>
      <c r="E2994" s="46">
        <v>18.600000000000001</v>
      </c>
      <c r="F2994" s="46">
        <v>12.5</v>
      </c>
      <c r="G2994" s="46">
        <v>18.600000000000001</v>
      </c>
      <c r="H2994" s="46">
        <v>17.899999999999999</v>
      </c>
      <c r="I2994" s="46">
        <v>21.5</v>
      </c>
      <c r="J2994" s="46">
        <v>6.7</v>
      </c>
      <c r="K2994" s="47">
        <v>4.2</v>
      </c>
    </row>
    <row r="2995" spans="1:25" x14ac:dyDescent="0.2">
      <c r="B2995" s="76"/>
      <c r="C2995" s="39" t="s">
        <v>53</v>
      </c>
      <c r="D2995" s="45">
        <v>269</v>
      </c>
      <c r="E2995" s="46">
        <v>17.100000000000001</v>
      </c>
      <c r="F2995" s="46">
        <v>13.4</v>
      </c>
      <c r="G2995" s="46">
        <v>18.600000000000001</v>
      </c>
      <c r="H2995" s="46">
        <v>17.5</v>
      </c>
      <c r="I2995" s="46">
        <v>23</v>
      </c>
      <c r="J2995" s="46">
        <v>6.7</v>
      </c>
      <c r="K2995" s="47">
        <v>3.7</v>
      </c>
    </row>
    <row r="2996" spans="1:25" ht="21.6" x14ac:dyDescent="0.2">
      <c r="B2996" s="76"/>
      <c r="C2996" s="39" t="s">
        <v>54</v>
      </c>
      <c r="D2996" s="45">
        <v>511</v>
      </c>
      <c r="E2996" s="46">
        <v>7.4</v>
      </c>
      <c r="F2996" s="46">
        <v>8.4</v>
      </c>
      <c r="G2996" s="46">
        <v>16.2</v>
      </c>
      <c r="H2996" s="46">
        <v>17.600000000000001</v>
      </c>
      <c r="I2996" s="46">
        <v>29.2</v>
      </c>
      <c r="J2996" s="46">
        <v>13.7</v>
      </c>
      <c r="K2996" s="47">
        <v>7.4</v>
      </c>
    </row>
    <row r="2997" spans="1:25" ht="21.6" x14ac:dyDescent="0.2">
      <c r="B2997" s="76"/>
      <c r="C2997" s="39" t="s">
        <v>55</v>
      </c>
      <c r="D2997" s="45">
        <v>615</v>
      </c>
      <c r="E2997" s="46">
        <v>7</v>
      </c>
      <c r="F2997" s="46">
        <v>7</v>
      </c>
      <c r="G2997" s="46">
        <v>11.7</v>
      </c>
      <c r="H2997" s="46">
        <v>13.7</v>
      </c>
      <c r="I2997" s="46">
        <v>25</v>
      </c>
      <c r="J2997" s="46">
        <v>16.899999999999999</v>
      </c>
      <c r="K2997" s="47">
        <v>18.7</v>
      </c>
    </row>
    <row r="2998" spans="1:25" ht="21.6" x14ac:dyDescent="0.2">
      <c r="B2998" s="76"/>
      <c r="C2998" s="39" t="s">
        <v>56</v>
      </c>
      <c r="D2998" s="45">
        <v>800</v>
      </c>
      <c r="E2998" s="46">
        <v>8</v>
      </c>
      <c r="F2998" s="46">
        <v>9</v>
      </c>
      <c r="G2998" s="46">
        <v>12.9</v>
      </c>
      <c r="H2998" s="46">
        <v>13.1</v>
      </c>
      <c r="I2998" s="46">
        <v>28</v>
      </c>
      <c r="J2998" s="46">
        <v>14.8</v>
      </c>
      <c r="K2998" s="47">
        <v>14.3</v>
      </c>
    </row>
    <row r="2999" spans="1:25" x14ac:dyDescent="0.2">
      <c r="B2999" s="76"/>
      <c r="C2999" s="40" t="s">
        <v>57</v>
      </c>
      <c r="D2999" s="48">
        <v>798</v>
      </c>
      <c r="E2999" s="49">
        <v>10</v>
      </c>
      <c r="F2999" s="49">
        <v>10.8</v>
      </c>
      <c r="G2999" s="49">
        <v>16.5</v>
      </c>
      <c r="H2999" s="49">
        <v>17.7</v>
      </c>
      <c r="I2999" s="49">
        <v>25.6</v>
      </c>
      <c r="J2999" s="49">
        <v>11.4</v>
      </c>
      <c r="K2999" s="50">
        <v>8</v>
      </c>
    </row>
    <row r="3001" spans="1:25" x14ac:dyDescent="0.2">
      <c r="C3001" t="s">
        <v>35</v>
      </c>
    </row>
    <row r="3002" spans="1:25" x14ac:dyDescent="0.2">
      <c r="B3002" s="74" t="s">
        <v>236</v>
      </c>
      <c r="C3002" s="75"/>
      <c r="D3002" s="75"/>
      <c r="E3002" s="75"/>
      <c r="F3002" s="75"/>
      <c r="G3002" s="75"/>
      <c r="H3002" s="75"/>
      <c r="I3002" s="75"/>
      <c r="J3002" s="75"/>
      <c r="K3002" s="75"/>
      <c r="L3002" s="75"/>
      <c r="M3002" s="75"/>
      <c r="N3002" s="75"/>
      <c r="O3002" s="75"/>
      <c r="P3002" s="75"/>
      <c r="Q3002" s="75"/>
      <c r="R3002" s="75"/>
      <c r="S3002" s="75"/>
      <c r="T3002" s="75"/>
      <c r="U3002" s="75"/>
      <c r="V3002" s="75"/>
      <c r="W3002" s="75"/>
      <c r="X3002" s="75"/>
      <c r="Y3002" s="75"/>
    </row>
    <row r="3003" spans="1:25" s="32" customFormat="1" ht="47.25" customHeight="1" x14ac:dyDescent="0.15">
      <c r="A3003" s="31"/>
      <c r="D3003" s="33" t="s">
        <v>242</v>
      </c>
      <c r="E3003" s="35" t="s">
        <v>434</v>
      </c>
      <c r="F3003" s="36" t="s">
        <v>435</v>
      </c>
      <c r="G3003" s="36" t="s">
        <v>436</v>
      </c>
      <c r="H3003" s="36" t="s">
        <v>437</v>
      </c>
      <c r="I3003" s="36" t="s">
        <v>448</v>
      </c>
      <c r="J3003" s="36" t="s">
        <v>449</v>
      </c>
      <c r="K3003" s="37" t="s">
        <v>450</v>
      </c>
      <c r="L3003" s="34" t="s">
        <v>251</v>
      </c>
    </row>
    <row r="3004" spans="1:25" ht="21.6" x14ac:dyDescent="0.2">
      <c r="B3004" s="76" t="s">
        <v>37</v>
      </c>
      <c r="C3004" s="38" t="s">
        <v>58</v>
      </c>
      <c r="D3004" s="51">
        <v>609</v>
      </c>
      <c r="E3004" s="52">
        <v>7.4</v>
      </c>
      <c r="F3004" s="52">
        <v>8.6999999999999993</v>
      </c>
      <c r="G3004" s="52">
        <v>13.8</v>
      </c>
      <c r="H3004" s="52">
        <v>14.6</v>
      </c>
      <c r="I3004" s="52">
        <v>32</v>
      </c>
      <c r="J3004" s="52">
        <v>15.1</v>
      </c>
      <c r="K3004" s="53">
        <v>8.4</v>
      </c>
    </row>
    <row r="3005" spans="1:25" ht="21.6" x14ac:dyDescent="0.2">
      <c r="B3005" s="76"/>
      <c r="C3005" s="39" t="s">
        <v>59</v>
      </c>
      <c r="D3005" s="45">
        <v>1391</v>
      </c>
      <c r="E3005" s="46">
        <v>17</v>
      </c>
      <c r="F3005" s="46">
        <v>13.4</v>
      </c>
      <c r="G3005" s="46">
        <v>16.2</v>
      </c>
      <c r="H3005" s="46">
        <v>15</v>
      </c>
      <c r="I3005" s="46">
        <v>19.5</v>
      </c>
      <c r="J3005" s="46">
        <v>9.3000000000000007</v>
      </c>
      <c r="K3005" s="47">
        <v>9.6</v>
      </c>
    </row>
    <row r="3006" spans="1:25" x14ac:dyDescent="0.2">
      <c r="B3006" s="76"/>
      <c r="C3006" s="39" t="s">
        <v>60</v>
      </c>
      <c r="D3006" s="45">
        <v>1325</v>
      </c>
      <c r="E3006" s="46">
        <v>12.6</v>
      </c>
      <c r="F3006" s="46">
        <v>10.9</v>
      </c>
      <c r="G3006" s="46">
        <v>16</v>
      </c>
      <c r="H3006" s="46">
        <v>15.1</v>
      </c>
      <c r="I3006" s="46">
        <v>23</v>
      </c>
      <c r="J3006" s="46">
        <v>12.1</v>
      </c>
      <c r="K3006" s="47">
        <v>10.3</v>
      </c>
    </row>
    <row r="3007" spans="1:25" x14ac:dyDescent="0.2">
      <c r="B3007" s="76"/>
      <c r="C3007" s="39" t="s">
        <v>61</v>
      </c>
      <c r="D3007" s="45">
        <v>675</v>
      </c>
      <c r="E3007" s="46">
        <v>17</v>
      </c>
      <c r="F3007" s="46">
        <v>13.9</v>
      </c>
      <c r="G3007" s="46">
        <v>14.5</v>
      </c>
      <c r="H3007" s="46">
        <v>14.4</v>
      </c>
      <c r="I3007" s="46">
        <v>23.9</v>
      </c>
      <c r="J3007" s="46">
        <v>9</v>
      </c>
      <c r="K3007" s="47">
        <v>7.3</v>
      </c>
    </row>
    <row r="3008" spans="1:25" x14ac:dyDescent="0.2">
      <c r="B3008" s="76"/>
      <c r="C3008" s="39" t="s">
        <v>62</v>
      </c>
      <c r="D3008" s="45">
        <v>1086</v>
      </c>
      <c r="E3008" s="46">
        <v>6.4</v>
      </c>
      <c r="F3008" s="46">
        <v>5.4</v>
      </c>
      <c r="G3008" s="46">
        <v>11</v>
      </c>
      <c r="H3008" s="46">
        <v>14.2</v>
      </c>
      <c r="I3008" s="46">
        <v>30.8</v>
      </c>
      <c r="J3008" s="46">
        <v>17.600000000000001</v>
      </c>
      <c r="K3008" s="47">
        <v>14.6</v>
      </c>
    </row>
    <row r="3009" spans="2:11" ht="21.6" x14ac:dyDescent="0.2">
      <c r="B3009" s="76"/>
      <c r="C3009" s="39" t="s">
        <v>63</v>
      </c>
      <c r="D3009" s="45">
        <v>203</v>
      </c>
      <c r="E3009" s="46">
        <v>17.2</v>
      </c>
      <c r="F3009" s="46">
        <v>11.8</v>
      </c>
      <c r="G3009" s="46">
        <v>23.2</v>
      </c>
      <c r="H3009" s="46">
        <v>20.7</v>
      </c>
      <c r="I3009" s="46">
        <v>20.2</v>
      </c>
      <c r="J3009" s="46">
        <v>5.4</v>
      </c>
      <c r="K3009" s="47">
        <v>1.5</v>
      </c>
    </row>
    <row r="3010" spans="2:11" x14ac:dyDescent="0.2">
      <c r="B3010" s="76"/>
      <c r="C3010" s="39" t="s">
        <v>64</v>
      </c>
      <c r="D3010" s="45">
        <v>263</v>
      </c>
      <c r="E3010" s="46">
        <v>5.7</v>
      </c>
      <c r="F3010" s="46">
        <v>4.9000000000000004</v>
      </c>
      <c r="G3010" s="46">
        <v>7.6</v>
      </c>
      <c r="H3010" s="46">
        <v>15.2</v>
      </c>
      <c r="I3010" s="46">
        <v>37.299999999999997</v>
      </c>
      <c r="J3010" s="46">
        <v>19.8</v>
      </c>
      <c r="K3010" s="47">
        <v>9.5</v>
      </c>
    </row>
    <row r="3011" spans="2:11" x14ac:dyDescent="0.2">
      <c r="B3011" s="76"/>
      <c r="C3011" s="39" t="s">
        <v>65</v>
      </c>
      <c r="D3011" s="45">
        <v>312</v>
      </c>
      <c r="E3011" s="46">
        <v>4.8</v>
      </c>
      <c r="F3011" s="46">
        <v>2.2000000000000002</v>
      </c>
      <c r="G3011" s="46">
        <v>7.4</v>
      </c>
      <c r="H3011" s="46">
        <v>12.2</v>
      </c>
      <c r="I3011" s="46">
        <v>38.5</v>
      </c>
      <c r="J3011" s="46">
        <v>20.2</v>
      </c>
      <c r="K3011" s="47">
        <v>14.7</v>
      </c>
    </row>
    <row r="3012" spans="2:11" x14ac:dyDescent="0.2">
      <c r="B3012" s="76"/>
      <c r="C3012" s="39" t="s">
        <v>66</v>
      </c>
      <c r="D3012" s="45">
        <v>230</v>
      </c>
      <c r="E3012" s="46">
        <v>0.9</v>
      </c>
      <c r="F3012" s="46">
        <v>3.9</v>
      </c>
      <c r="G3012" s="46">
        <v>7</v>
      </c>
      <c r="H3012" s="46">
        <v>7.8</v>
      </c>
      <c r="I3012" s="46">
        <v>24.3</v>
      </c>
      <c r="J3012" s="46">
        <v>23</v>
      </c>
      <c r="K3012" s="47">
        <v>33</v>
      </c>
    </row>
    <row r="3013" spans="2:11" x14ac:dyDescent="0.2">
      <c r="B3013" s="76"/>
      <c r="C3013" s="39" t="s">
        <v>67</v>
      </c>
      <c r="D3013" s="45">
        <v>78</v>
      </c>
      <c r="E3013" s="46">
        <v>2.6</v>
      </c>
      <c r="F3013" s="46">
        <v>7.7</v>
      </c>
      <c r="G3013" s="46">
        <v>17.899999999999999</v>
      </c>
      <c r="H3013" s="46">
        <v>20.5</v>
      </c>
      <c r="I3013" s="46">
        <v>24.4</v>
      </c>
      <c r="J3013" s="46">
        <v>15.4</v>
      </c>
      <c r="K3013" s="47">
        <v>11.5</v>
      </c>
    </row>
    <row r="3014" spans="2:11" x14ac:dyDescent="0.2">
      <c r="B3014" s="76"/>
      <c r="C3014" s="39" t="s">
        <v>68</v>
      </c>
      <c r="D3014" s="45">
        <v>897</v>
      </c>
      <c r="E3014" s="46">
        <v>3</v>
      </c>
      <c r="F3014" s="46">
        <v>1.2</v>
      </c>
      <c r="G3014" s="46">
        <v>7.9</v>
      </c>
      <c r="H3014" s="46">
        <v>14.9</v>
      </c>
      <c r="I3014" s="46">
        <v>35.1</v>
      </c>
      <c r="J3014" s="46">
        <v>20.3</v>
      </c>
      <c r="K3014" s="47">
        <v>17.5</v>
      </c>
    </row>
    <row r="3015" spans="2:11" x14ac:dyDescent="0.2">
      <c r="B3015" s="76"/>
      <c r="C3015" s="39" t="s">
        <v>69</v>
      </c>
      <c r="D3015" s="45">
        <v>189</v>
      </c>
      <c r="E3015" s="46">
        <v>22.2</v>
      </c>
      <c r="F3015" s="46">
        <v>25.4</v>
      </c>
      <c r="G3015" s="46">
        <v>25.9</v>
      </c>
      <c r="H3015" s="46">
        <v>10.6</v>
      </c>
      <c r="I3015" s="46">
        <v>10.1</v>
      </c>
      <c r="J3015" s="46">
        <v>4.8</v>
      </c>
      <c r="K3015" s="47">
        <v>1.1000000000000001</v>
      </c>
    </row>
    <row r="3016" spans="2:11" x14ac:dyDescent="0.2">
      <c r="B3016" s="76"/>
      <c r="C3016" s="39" t="s">
        <v>70</v>
      </c>
      <c r="D3016" s="45">
        <v>914</v>
      </c>
      <c r="E3016" s="46">
        <v>23.3</v>
      </c>
      <c r="F3016" s="46">
        <v>19.7</v>
      </c>
      <c r="G3016" s="46">
        <v>20.8</v>
      </c>
      <c r="H3016" s="46">
        <v>15.6</v>
      </c>
      <c r="I3016" s="46">
        <v>14.4</v>
      </c>
      <c r="J3016" s="46">
        <v>3.3</v>
      </c>
      <c r="K3016" s="47">
        <v>2.8</v>
      </c>
    </row>
    <row r="3017" spans="2:11" ht="21.6" x14ac:dyDescent="0.2">
      <c r="B3017" s="76"/>
      <c r="C3017" s="39" t="s">
        <v>63</v>
      </c>
      <c r="D3017" s="45">
        <v>193</v>
      </c>
      <c r="E3017" s="46">
        <v>19.2</v>
      </c>
      <c r="F3017" s="46">
        <v>17.100000000000001</v>
      </c>
      <c r="G3017" s="46">
        <v>30.1</v>
      </c>
      <c r="H3017" s="46">
        <v>18.7</v>
      </c>
      <c r="I3017" s="46">
        <v>12.4</v>
      </c>
      <c r="J3017" s="46">
        <v>1.6</v>
      </c>
      <c r="K3017" s="47">
        <v>1</v>
      </c>
    </row>
    <row r="3018" spans="2:11" x14ac:dyDescent="0.2">
      <c r="B3018" s="76"/>
      <c r="C3018" s="39" t="s">
        <v>64</v>
      </c>
      <c r="D3018" s="45">
        <v>203</v>
      </c>
      <c r="E3018" s="46">
        <v>19.7</v>
      </c>
      <c r="F3018" s="46">
        <v>15.8</v>
      </c>
      <c r="G3018" s="46">
        <v>21.2</v>
      </c>
      <c r="H3018" s="46">
        <v>16.7</v>
      </c>
      <c r="I3018" s="46">
        <v>19.7</v>
      </c>
      <c r="J3018" s="46">
        <v>4.4000000000000004</v>
      </c>
      <c r="K3018" s="47">
        <v>2.5</v>
      </c>
    </row>
    <row r="3019" spans="2:11" x14ac:dyDescent="0.2">
      <c r="B3019" s="76"/>
      <c r="C3019" s="39" t="s">
        <v>65</v>
      </c>
      <c r="D3019" s="45">
        <v>263</v>
      </c>
      <c r="E3019" s="46">
        <v>24.7</v>
      </c>
      <c r="F3019" s="46">
        <v>22.4</v>
      </c>
      <c r="G3019" s="46">
        <v>14.8</v>
      </c>
      <c r="H3019" s="46">
        <v>16.3</v>
      </c>
      <c r="I3019" s="46">
        <v>14.4</v>
      </c>
      <c r="J3019" s="46">
        <v>3.8</v>
      </c>
      <c r="K3019" s="47">
        <v>3.4</v>
      </c>
    </row>
    <row r="3020" spans="2:11" x14ac:dyDescent="0.2">
      <c r="B3020" s="76"/>
      <c r="C3020" s="39" t="s">
        <v>66</v>
      </c>
      <c r="D3020" s="45">
        <v>194</v>
      </c>
      <c r="E3020" s="46">
        <v>26.8</v>
      </c>
      <c r="F3020" s="46">
        <v>21.1</v>
      </c>
      <c r="G3020" s="46">
        <v>20.100000000000001</v>
      </c>
      <c r="H3020" s="46">
        <v>12.4</v>
      </c>
      <c r="I3020" s="46">
        <v>13.4</v>
      </c>
      <c r="J3020" s="46">
        <v>2.6</v>
      </c>
      <c r="K3020" s="47">
        <v>3.6</v>
      </c>
    </row>
    <row r="3021" spans="2:11" x14ac:dyDescent="0.2">
      <c r="B3021" s="76"/>
      <c r="C3021" s="39" t="s">
        <v>67</v>
      </c>
      <c r="D3021" s="45">
        <v>61</v>
      </c>
      <c r="E3021" s="46">
        <v>31.1</v>
      </c>
      <c r="F3021" s="46">
        <v>24.6</v>
      </c>
      <c r="G3021" s="46">
        <v>18</v>
      </c>
      <c r="H3021" s="46">
        <v>9.8000000000000007</v>
      </c>
      <c r="I3021" s="46">
        <v>6.6</v>
      </c>
      <c r="J3021" s="46">
        <v>4.9000000000000004</v>
      </c>
      <c r="K3021" s="47">
        <v>4.9000000000000004</v>
      </c>
    </row>
    <row r="3022" spans="2:11" x14ac:dyDescent="0.2">
      <c r="B3022" s="76"/>
      <c r="C3022" s="39" t="s">
        <v>68</v>
      </c>
      <c r="D3022" s="45">
        <v>416</v>
      </c>
      <c r="E3022" s="46">
        <v>3.4</v>
      </c>
      <c r="F3022" s="46">
        <v>5.5</v>
      </c>
      <c r="G3022" s="46">
        <v>25</v>
      </c>
      <c r="H3022" s="46">
        <v>26.9</v>
      </c>
      <c r="I3022" s="46">
        <v>28.1</v>
      </c>
      <c r="J3022" s="46">
        <v>6.7</v>
      </c>
      <c r="K3022" s="47">
        <v>4.3</v>
      </c>
    </row>
    <row r="3023" spans="2:11" x14ac:dyDescent="0.2">
      <c r="B3023" s="76"/>
      <c r="C3023" s="40" t="s">
        <v>69</v>
      </c>
      <c r="D3023" s="48">
        <v>498</v>
      </c>
      <c r="E3023" s="49">
        <v>40</v>
      </c>
      <c r="F3023" s="49">
        <v>31.5</v>
      </c>
      <c r="G3023" s="49">
        <v>17.3</v>
      </c>
      <c r="H3023" s="49">
        <v>6.2</v>
      </c>
      <c r="I3023" s="49">
        <v>3</v>
      </c>
      <c r="J3023" s="49">
        <v>0.4</v>
      </c>
      <c r="K3023" s="50">
        <v>1.6</v>
      </c>
    </row>
    <row r="3025" spans="1:25" x14ac:dyDescent="0.2">
      <c r="A3025" s="26" t="s">
        <v>25</v>
      </c>
      <c r="B3025" t="s">
        <v>35</v>
      </c>
      <c r="C3025" t="s">
        <v>35</v>
      </c>
    </row>
    <row r="3026" spans="1:25" x14ac:dyDescent="0.2">
      <c r="B3026" s="74" t="s">
        <v>168</v>
      </c>
      <c r="C3026" s="75"/>
      <c r="D3026" s="75"/>
      <c r="E3026" s="75"/>
      <c r="F3026" s="75"/>
      <c r="G3026" s="75"/>
      <c r="H3026" s="75"/>
      <c r="I3026" s="75"/>
      <c r="J3026" s="75"/>
      <c r="K3026" s="75"/>
      <c r="L3026" s="75"/>
      <c r="M3026" s="75"/>
      <c r="N3026" s="75"/>
      <c r="O3026" s="75"/>
      <c r="P3026" s="75"/>
      <c r="Q3026" s="75"/>
      <c r="R3026" s="75"/>
      <c r="S3026" s="75"/>
      <c r="T3026" s="75"/>
      <c r="U3026" s="75"/>
      <c r="V3026" s="75"/>
      <c r="W3026" s="75"/>
      <c r="X3026" s="75"/>
      <c r="Y3026" s="75"/>
    </row>
    <row r="3027" spans="1:25" s="32" customFormat="1" ht="58.05" customHeight="1" x14ac:dyDescent="0.15">
      <c r="A3027" s="31"/>
      <c r="D3027" s="33" t="s">
        <v>242</v>
      </c>
      <c r="E3027" s="35" t="s">
        <v>451</v>
      </c>
      <c r="F3027" s="36" t="s">
        <v>448</v>
      </c>
      <c r="G3027" s="36" t="s">
        <v>449</v>
      </c>
      <c r="H3027" s="36" t="s">
        <v>452</v>
      </c>
      <c r="I3027" s="36" t="s">
        <v>444</v>
      </c>
      <c r="J3027" s="36" t="s">
        <v>453</v>
      </c>
      <c r="K3027" s="37" t="s">
        <v>276</v>
      </c>
      <c r="L3027" s="34" t="s">
        <v>251</v>
      </c>
    </row>
    <row r="3028" spans="1:25" x14ac:dyDescent="0.2">
      <c r="B3028" s="5"/>
      <c r="C3028" s="41" t="s">
        <v>38</v>
      </c>
      <c r="D3028" s="42">
        <v>2000</v>
      </c>
      <c r="E3028" s="43">
        <v>23.7</v>
      </c>
      <c r="F3028" s="43">
        <v>22.1</v>
      </c>
      <c r="G3028" s="43">
        <v>15.3</v>
      </c>
      <c r="H3028" s="43">
        <v>11.2</v>
      </c>
      <c r="I3028" s="43">
        <v>6.2</v>
      </c>
      <c r="J3028" s="43">
        <v>6.2</v>
      </c>
      <c r="K3028" s="44">
        <v>15.6</v>
      </c>
    </row>
    <row r="3029" spans="1:25" x14ac:dyDescent="0.2">
      <c r="B3029" s="76" t="s">
        <v>37</v>
      </c>
      <c r="C3029" s="39" t="s">
        <v>39</v>
      </c>
      <c r="D3029" s="45">
        <v>111</v>
      </c>
      <c r="E3029" s="46">
        <v>24.3</v>
      </c>
      <c r="F3029" s="46">
        <v>27</v>
      </c>
      <c r="G3029" s="46">
        <v>18.899999999999999</v>
      </c>
      <c r="H3029" s="46">
        <v>11.7</v>
      </c>
      <c r="I3029" s="46">
        <v>4.5</v>
      </c>
      <c r="J3029" s="46">
        <v>3.6</v>
      </c>
      <c r="K3029" s="47">
        <v>9.9</v>
      </c>
    </row>
    <row r="3030" spans="1:25" x14ac:dyDescent="0.2">
      <c r="B3030" s="76"/>
      <c r="C3030" s="39" t="s">
        <v>40</v>
      </c>
      <c r="D3030" s="45">
        <v>450</v>
      </c>
      <c r="E3030" s="46">
        <v>19.3</v>
      </c>
      <c r="F3030" s="46">
        <v>24</v>
      </c>
      <c r="G3030" s="46">
        <v>18.7</v>
      </c>
      <c r="H3030" s="46">
        <v>13.3</v>
      </c>
      <c r="I3030" s="46">
        <v>8.1999999999999993</v>
      </c>
      <c r="J3030" s="46">
        <v>5.6</v>
      </c>
      <c r="K3030" s="47">
        <v>10.9</v>
      </c>
    </row>
    <row r="3031" spans="1:25" ht="21.6" x14ac:dyDescent="0.2">
      <c r="B3031" s="76"/>
      <c r="C3031" s="39" t="s">
        <v>41</v>
      </c>
      <c r="D3031" s="45">
        <v>30</v>
      </c>
      <c r="E3031" s="46">
        <v>20</v>
      </c>
      <c r="F3031" s="46">
        <v>30</v>
      </c>
      <c r="G3031" s="46">
        <v>6.7</v>
      </c>
      <c r="H3031" s="46">
        <v>3.3</v>
      </c>
      <c r="I3031" s="46">
        <v>3.3</v>
      </c>
      <c r="J3031" s="46">
        <v>6.7</v>
      </c>
      <c r="K3031" s="47">
        <v>30</v>
      </c>
    </row>
    <row r="3032" spans="1:25" ht="21.6" x14ac:dyDescent="0.2">
      <c r="B3032" s="76"/>
      <c r="C3032" s="39" t="s">
        <v>42</v>
      </c>
      <c r="D3032" s="45">
        <v>336</v>
      </c>
      <c r="E3032" s="46">
        <v>19.3</v>
      </c>
      <c r="F3032" s="46">
        <v>20.5</v>
      </c>
      <c r="G3032" s="46">
        <v>18.2</v>
      </c>
      <c r="H3032" s="46">
        <v>12.5</v>
      </c>
      <c r="I3032" s="46">
        <v>8.3000000000000007</v>
      </c>
      <c r="J3032" s="46">
        <v>7.1</v>
      </c>
      <c r="K3032" s="47">
        <v>14</v>
      </c>
    </row>
    <row r="3033" spans="1:25" ht="21.6" x14ac:dyDescent="0.2">
      <c r="B3033" s="76"/>
      <c r="C3033" s="39" t="s">
        <v>43</v>
      </c>
      <c r="D3033" s="45">
        <v>327</v>
      </c>
      <c r="E3033" s="46">
        <v>30.6</v>
      </c>
      <c r="F3033" s="46">
        <v>22.9</v>
      </c>
      <c r="G3033" s="46">
        <v>13.5</v>
      </c>
      <c r="H3033" s="46">
        <v>8.6</v>
      </c>
      <c r="I3033" s="46">
        <v>4.3</v>
      </c>
      <c r="J3033" s="46">
        <v>4.3</v>
      </c>
      <c r="K3033" s="47">
        <v>15.9</v>
      </c>
    </row>
    <row r="3034" spans="1:25" ht="21.6" x14ac:dyDescent="0.2">
      <c r="B3034" s="76"/>
      <c r="C3034" s="39" t="s">
        <v>44</v>
      </c>
      <c r="D3034" s="45">
        <v>181</v>
      </c>
      <c r="E3034" s="46">
        <v>18.2</v>
      </c>
      <c r="F3034" s="46">
        <v>16</v>
      </c>
      <c r="G3034" s="46">
        <v>15.5</v>
      </c>
      <c r="H3034" s="46">
        <v>15.5</v>
      </c>
      <c r="I3034" s="46">
        <v>10.5</v>
      </c>
      <c r="J3034" s="46">
        <v>12.2</v>
      </c>
      <c r="K3034" s="47">
        <v>12.2</v>
      </c>
    </row>
    <row r="3035" spans="1:25" ht="21.6" x14ac:dyDescent="0.2">
      <c r="B3035" s="76"/>
      <c r="C3035" s="39" t="s">
        <v>45</v>
      </c>
      <c r="D3035" s="45">
        <v>565</v>
      </c>
      <c r="E3035" s="46">
        <v>27.4</v>
      </c>
      <c r="F3035" s="46">
        <v>21.4</v>
      </c>
      <c r="G3035" s="46">
        <v>11.5</v>
      </c>
      <c r="H3035" s="46">
        <v>9</v>
      </c>
      <c r="I3035" s="46">
        <v>3.4</v>
      </c>
      <c r="J3035" s="46">
        <v>5.8</v>
      </c>
      <c r="K3035" s="47">
        <v>21.4</v>
      </c>
    </row>
    <row r="3036" spans="1:25" ht="21.6" x14ac:dyDescent="0.2">
      <c r="B3036" s="76"/>
      <c r="C3036" s="39" t="s">
        <v>46</v>
      </c>
      <c r="D3036" s="45">
        <v>473</v>
      </c>
      <c r="E3036" s="46">
        <v>100</v>
      </c>
      <c r="F3036" s="46">
        <v>0</v>
      </c>
      <c r="G3036" s="46">
        <v>0</v>
      </c>
      <c r="H3036" s="46">
        <v>0</v>
      </c>
      <c r="I3036" s="46">
        <v>0</v>
      </c>
      <c r="J3036" s="46">
        <v>0</v>
      </c>
      <c r="K3036" s="47">
        <v>0</v>
      </c>
    </row>
    <row r="3037" spans="1:25" ht="21.6" x14ac:dyDescent="0.2">
      <c r="B3037" s="76"/>
      <c r="C3037" s="39" t="s">
        <v>47</v>
      </c>
      <c r="D3037" s="45">
        <v>441</v>
      </c>
      <c r="E3037" s="46">
        <v>0</v>
      </c>
      <c r="F3037" s="46">
        <v>100</v>
      </c>
      <c r="G3037" s="46">
        <v>0</v>
      </c>
      <c r="H3037" s="46">
        <v>0</v>
      </c>
      <c r="I3037" s="46">
        <v>0</v>
      </c>
      <c r="J3037" s="46">
        <v>0</v>
      </c>
      <c r="K3037" s="47">
        <v>0</v>
      </c>
    </row>
    <row r="3038" spans="1:25" ht="21.6" x14ac:dyDescent="0.2">
      <c r="B3038" s="76"/>
      <c r="C3038" s="39" t="s">
        <v>48</v>
      </c>
      <c r="D3038" s="45">
        <v>305</v>
      </c>
      <c r="E3038" s="46">
        <v>0</v>
      </c>
      <c r="F3038" s="46">
        <v>0</v>
      </c>
      <c r="G3038" s="46">
        <v>100</v>
      </c>
      <c r="H3038" s="46">
        <v>0</v>
      </c>
      <c r="I3038" s="46">
        <v>0</v>
      </c>
      <c r="J3038" s="46">
        <v>0</v>
      </c>
      <c r="K3038" s="47">
        <v>0</v>
      </c>
    </row>
    <row r="3039" spans="1:25" ht="21.6" x14ac:dyDescent="0.2">
      <c r="B3039" s="76"/>
      <c r="C3039" s="39" t="s">
        <v>49</v>
      </c>
      <c r="D3039" s="45">
        <v>223</v>
      </c>
      <c r="E3039" s="46">
        <v>0</v>
      </c>
      <c r="F3039" s="46">
        <v>0</v>
      </c>
      <c r="G3039" s="46">
        <v>0</v>
      </c>
      <c r="H3039" s="46">
        <v>100</v>
      </c>
      <c r="I3039" s="46">
        <v>0</v>
      </c>
      <c r="J3039" s="46">
        <v>0</v>
      </c>
      <c r="K3039" s="47">
        <v>0</v>
      </c>
    </row>
    <row r="3040" spans="1:25" ht="21.6" x14ac:dyDescent="0.2">
      <c r="B3040" s="76"/>
      <c r="C3040" s="39" t="s">
        <v>50</v>
      </c>
      <c r="D3040" s="45">
        <v>123</v>
      </c>
      <c r="E3040" s="46">
        <v>0</v>
      </c>
      <c r="F3040" s="46">
        <v>0</v>
      </c>
      <c r="G3040" s="46">
        <v>0</v>
      </c>
      <c r="H3040" s="46">
        <v>0</v>
      </c>
      <c r="I3040" s="46">
        <v>100</v>
      </c>
      <c r="J3040" s="46">
        <v>0</v>
      </c>
      <c r="K3040" s="47">
        <v>0</v>
      </c>
    </row>
    <row r="3041" spans="1:25" ht="21.6" x14ac:dyDescent="0.2">
      <c r="B3041" s="76"/>
      <c r="C3041" s="39" t="s">
        <v>51</v>
      </c>
      <c r="D3041" s="45">
        <v>124</v>
      </c>
      <c r="E3041" s="46">
        <v>0</v>
      </c>
      <c r="F3041" s="46">
        <v>0</v>
      </c>
      <c r="G3041" s="46">
        <v>0</v>
      </c>
      <c r="H3041" s="46">
        <v>0</v>
      </c>
      <c r="I3041" s="46">
        <v>0</v>
      </c>
      <c r="J3041" s="46">
        <v>100</v>
      </c>
      <c r="K3041" s="47">
        <v>0</v>
      </c>
    </row>
    <row r="3042" spans="1:25" ht="21.6" x14ac:dyDescent="0.2">
      <c r="B3042" s="76"/>
      <c r="C3042" s="39" t="s">
        <v>52</v>
      </c>
      <c r="D3042" s="45">
        <v>312</v>
      </c>
      <c r="E3042" s="46">
        <v>29.8</v>
      </c>
      <c r="F3042" s="46">
        <v>25.3</v>
      </c>
      <c r="G3042" s="46">
        <v>15.7</v>
      </c>
      <c r="H3042" s="46">
        <v>8.6999999999999993</v>
      </c>
      <c r="I3042" s="46">
        <v>2.6</v>
      </c>
      <c r="J3042" s="46">
        <v>4.5</v>
      </c>
      <c r="K3042" s="47">
        <v>13.5</v>
      </c>
    </row>
    <row r="3043" spans="1:25" x14ac:dyDescent="0.2">
      <c r="B3043" s="76"/>
      <c r="C3043" s="39" t="s">
        <v>53</v>
      </c>
      <c r="D3043" s="45">
        <v>269</v>
      </c>
      <c r="E3043" s="46">
        <v>26.4</v>
      </c>
      <c r="F3043" s="46">
        <v>25.3</v>
      </c>
      <c r="G3043" s="46">
        <v>13.8</v>
      </c>
      <c r="H3043" s="46">
        <v>8.1999999999999993</v>
      </c>
      <c r="I3043" s="46">
        <v>4.5</v>
      </c>
      <c r="J3043" s="46">
        <v>6.7</v>
      </c>
      <c r="K3043" s="47">
        <v>15.2</v>
      </c>
    </row>
    <row r="3044" spans="1:25" ht="21.6" x14ac:dyDescent="0.2">
      <c r="B3044" s="76"/>
      <c r="C3044" s="39" t="s">
        <v>54</v>
      </c>
      <c r="D3044" s="45">
        <v>511</v>
      </c>
      <c r="E3044" s="46">
        <v>22.1</v>
      </c>
      <c r="F3044" s="46">
        <v>23.9</v>
      </c>
      <c r="G3044" s="46">
        <v>18</v>
      </c>
      <c r="H3044" s="46">
        <v>13.3</v>
      </c>
      <c r="I3044" s="46">
        <v>5.9</v>
      </c>
      <c r="J3044" s="46">
        <v>4.7</v>
      </c>
      <c r="K3044" s="47">
        <v>12.1</v>
      </c>
    </row>
    <row r="3045" spans="1:25" ht="21.6" x14ac:dyDescent="0.2">
      <c r="B3045" s="76"/>
      <c r="C3045" s="39" t="s">
        <v>55</v>
      </c>
      <c r="D3045" s="45">
        <v>615</v>
      </c>
      <c r="E3045" s="46">
        <v>16.3</v>
      </c>
      <c r="F3045" s="46">
        <v>20.3</v>
      </c>
      <c r="G3045" s="46">
        <v>17.399999999999999</v>
      </c>
      <c r="H3045" s="46">
        <v>14.6</v>
      </c>
      <c r="I3045" s="46">
        <v>11.1</v>
      </c>
      <c r="J3045" s="46">
        <v>10.1</v>
      </c>
      <c r="K3045" s="47">
        <v>10.199999999999999</v>
      </c>
    </row>
    <row r="3046" spans="1:25" ht="21.6" x14ac:dyDescent="0.2">
      <c r="B3046" s="76"/>
      <c r="C3046" s="39" t="s">
        <v>56</v>
      </c>
      <c r="D3046" s="45">
        <v>800</v>
      </c>
      <c r="E3046" s="46">
        <v>18.3</v>
      </c>
      <c r="F3046" s="46">
        <v>21.9</v>
      </c>
      <c r="G3046" s="46">
        <v>16.3</v>
      </c>
      <c r="H3046" s="46">
        <v>12.8</v>
      </c>
      <c r="I3046" s="46">
        <v>9.1</v>
      </c>
      <c r="J3046" s="46">
        <v>7.6</v>
      </c>
      <c r="K3046" s="47">
        <v>14.1</v>
      </c>
    </row>
    <row r="3047" spans="1:25" x14ac:dyDescent="0.2">
      <c r="B3047" s="76"/>
      <c r="C3047" s="40" t="s">
        <v>57</v>
      </c>
      <c r="D3047" s="48">
        <v>798</v>
      </c>
      <c r="E3047" s="49">
        <v>23.4</v>
      </c>
      <c r="F3047" s="49">
        <v>24.6</v>
      </c>
      <c r="G3047" s="49">
        <v>16.7</v>
      </c>
      <c r="H3047" s="49">
        <v>12.2</v>
      </c>
      <c r="I3047" s="49">
        <v>5.4</v>
      </c>
      <c r="J3047" s="49">
        <v>6.5</v>
      </c>
      <c r="K3047" s="50">
        <v>11.3</v>
      </c>
    </row>
    <row r="3049" spans="1:25" x14ac:dyDescent="0.2">
      <c r="C3049" t="s">
        <v>35</v>
      </c>
    </row>
    <row r="3050" spans="1:25" x14ac:dyDescent="0.2">
      <c r="B3050" s="74" t="s">
        <v>237</v>
      </c>
      <c r="C3050" s="75"/>
      <c r="D3050" s="75"/>
      <c r="E3050" s="75"/>
      <c r="F3050" s="75"/>
      <c r="G3050" s="75"/>
      <c r="H3050" s="75"/>
      <c r="I3050" s="75"/>
      <c r="J3050" s="75"/>
      <c r="K3050" s="75"/>
      <c r="L3050" s="75"/>
      <c r="M3050" s="75"/>
      <c r="N3050" s="75"/>
      <c r="O3050" s="75"/>
      <c r="P3050" s="75"/>
      <c r="Q3050" s="75"/>
      <c r="R3050" s="75"/>
      <c r="S3050" s="75"/>
      <c r="T3050" s="75"/>
      <c r="U3050" s="75"/>
      <c r="V3050" s="75"/>
      <c r="W3050" s="75"/>
      <c r="X3050" s="75"/>
      <c r="Y3050" s="75"/>
    </row>
    <row r="3051" spans="1:25" s="32" customFormat="1" ht="58.05" customHeight="1" x14ac:dyDescent="0.15">
      <c r="A3051" s="31"/>
      <c r="D3051" s="33" t="s">
        <v>242</v>
      </c>
      <c r="E3051" s="35" t="s">
        <v>451</v>
      </c>
      <c r="F3051" s="36" t="s">
        <v>448</v>
      </c>
      <c r="G3051" s="36" t="s">
        <v>449</v>
      </c>
      <c r="H3051" s="36" t="s">
        <v>452</v>
      </c>
      <c r="I3051" s="36" t="s">
        <v>444</v>
      </c>
      <c r="J3051" s="36" t="s">
        <v>453</v>
      </c>
      <c r="K3051" s="37" t="s">
        <v>276</v>
      </c>
      <c r="L3051" s="34" t="s">
        <v>251</v>
      </c>
    </row>
    <row r="3052" spans="1:25" ht="21.6" x14ac:dyDescent="0.2">
      <c r="B3052" s="76" t="s">
        <v>37</v>
      </c>
      <c r="C3052" s="38" t="s">
        <v>58</v>
      </c>
      <c r="D3052" s="51">
        <v>609</v>
      </c>
      <c r="E3052" s="52">
        <v>20.2</v>
      </c>
      <c r="F3052" s="52">
        <v>24</v>
      </c>
      <c r="G3052" s="52">
        <v>18.399999999999999</v>
      </c>
      <c r="H3052" s="52">
        <v>11.2</v>
      </c>
      <c r="I3052" s="52">
        <v>6.9</v>
      </c>
      <c r="J3052" s="52">
        <v>5.3</v>
      </c>
      <c r="K3052" s="53">
        <v>14.1</v>
      </c>
    </row>
    <row r="3053" spans="1:25" ht="21.6" x14ac:dyDescent="0.2">
      <c r="B3053" s="76"/>
      <c r="C3053" s="39" t="s">
        <v>59</v>
      </c>
      <c r="D3053" s="45">
        <v>1391</v>
      </c>
      <c r="E3053" s="46">
        <v>25.2</v>
      </c>
      <c r="F3053" s="46">
        <v>21.2</v>
      </c>
      <c r="G3053" s="46">
        <v>13.9</v>
      </c>
      <c r="H3053" s="46">
        <v>11.1</v>
      </c>
      <c r="I3053" s="46">
        <v>5.8</v>
      </c>
      <c r="J3053" s="46">
        <v>6.6</v>
      </c>
      <c r="K3053" s="47">
        <v>16.2</v>
      </c>
    </row>
    <row r="3054" spans="1:25" x14ac:dyDescent="0.2">
      <c r="B3054" s="76"/>
      <c r="C3054" s="39" t="s">
        <v>60</v>
      </c>
      <c r="D3054" s="45">
        <v>1325</v>
      </c>
      <c r="E3054" s="46">
        <v>23.2</v>
      </c>
      <c r="F3054" s="46">
        <v>21.5</v>
      </c>
      <c r="G3054" s="46">
        <v>14.3</v>
      </c>
      <c r="H3054" s="46">
        <v>12.2</v>
      </c>
      <c r="I3054" s="46">
        <v>6.6</v>
      </c>
      <c r="J3054" s="46">
        <v>7.2</v>
      </c>
      <c r="K3054" s="47">
        <v>14.9</v>
      </c>
    </row>
    <row r="3055" spans="1:25" x14ac:dyDescent="0.2">
      <c r="B3055" s="76"/>
      <c r="C3055" s="39" t="s">
        <v>61</v>
      </c>
      <c r="D3055" s="45">
        <v>675</v>
      </c>
      <c r="E3055" s="46">
        <v>24.6</v>
      </c>
      <c r="F3055" s="46">
        <v>23.1</v>
      </c>
      <c r="G3055" s="46">
        <v>17</v>
      </c>
      <c r="H3055" s="46">
        <v>9</v>
      </c>
      <c r="I3055" s="46">
        <v>5.3</v>
      </c>
      <c r="J3055" s="46">
        <v>4.0999999999999996</v>
      </c>
      <c r="K3055" s="47">
        <v>16.7</v>
      </c>
    </row>
    <row r="3056" spans="1:25" x14ac:dyDescent="0.2">
      <c r="B3056" s="76"/>
      <c r="C3056" s="39" t="s">
        <v>62</v>
      </c>
      <c r="D3056" s="45">
        <v>1086</v>
      </c>
      <c r="E3056" s="46">
        <v>18.399999999999999</v>
      </c>
      <c r="F3056" s="46">
        <v>23.5</v>
      </c>
      <c r="G3056" s="46">
        <v>18.8</v>
      </c>
      <c r="H3056" s="46">
        <v>13.2</v>
      </c>
      <c r="I3056" s="46">
        <v>7.5</v>
      </c>
      <c r="J3056" s="46">
        <v>6.4</v>
      </c>
      <c r="K3056" s="47">
        <v>12.2</v>
      </c>
    </row>
    <row r="3057" spans="2:11" ht="21.6" x14ac:dyDescent="0.2">
      <c r="B3057" s="76"/>
      <c r="C3057" s="39" t="s">
        <v>63</v>
      </c>
      <c r="D3057" s="45">
        <v>203</v>
      </c>
      <c r="E3057" s="46">
        <v>30</v>
      </c>
      <c r="F3057" s="46">
        <v>20.2</v>
      </c>
      <c r="G3057" s="46">
        <v>9.4</v>
      </c>
      <c r="H3057" s="46">
        <v>7.4</v>
      </c>
      <c r="I3057" s="46">
        <v>3.9</v>
      </c>
      <c r="J3057" s="46">
        <v>7.9</v>
      </c>
      <c r="K3057" s="47">
        <v>21.2</v>
      </c>
    </row>
    <row r="3058" spans="2:11" x14ac:dyDescent="0.2">
      <c r="B3058" s="76"/>
      <c r="C3058" s="39" t="s">
        <v>64</v>
      </c>
      <c r="D3058" s="45">
        <v>263</v>
      </c>
      <c r="E3058" s="46">
        <v>16.3</v>
      </c>
      <c r="F3058" s="46">
        <v>28.5</v>
      </c>
      <c r="G3058" s="46">
        <v>21.7</v>
      </c>
      <c r="H3058" s="46">
        <v>10.6</v>
      </c>
      <c r="I3058" s="46">
        <v>7.6</v>
      </c>
      <c r="J3058" s="46">
        <v>3</v>
      </c>
      <c r="K3058" s="47">
        <v>12.2</v>
      </c>
    </row>
    <row r="3059" spans="2:11" x14ac:dyDescent="0.2">
      <c r="B3059" s="76"/>
      <c r="C3059" s="39" t="s">
        <v>65</v>
      </c>
      <c r="D3059" s="45">
        <v>312</v>
      </c>
      <c r="E3059" s="46">
        <v>14.7</v>
      </c>
      <c r="F3059" s="46">
        <v>23.4</v>
      </c>
      <c r="G3059" s="46">
        <v>22.8</v>
      </c>
      <c r="H3059" s="46">
        <v>16.3</v>
      </c>
      <c r="I3059" s="46">
        <v>5.8</v>
      </c>
      <c r="J3059" s="46">
        <v>5.4</v>
      </c>
      <c r="K3059" s="47">
        <v>11.5</v>
      </c>
    </row>
    <row r="3060" spans="2:11" x14ac:dyDescent="0.2">
      <c r="B3060" s="76"/>
      <c r="C3060" s="39" t="s">
        <v>66</v>
      </c>
      <c r="D3060" s="45">
        <v>230</v>
      </c>
      <c r="E3060" s="46">
        <v>12.2</v>
      </c>
      <c r="F3060" s="46">
        <v>18.7</v>
      </c>
      <c r="G3060" s="46">
        <v>19.600000000000001</v>
      </c>
      <c r="H3060" s="46">
        <v>17.399999999999999</v>
      </c>
      <c r="I3060" s="46">
        <v>12.6</v>
      </c>
      <c r="J3060" s="46">
        <v>10.4</v>
      </c>
      <c r="K3060" s="47">
        <v>9.1</v>
      </c>
    </row>
    <row r="3061" spans="2:11" x14ac:dyDescent="0.2">
      <c r="B3061" s="76"/>
      <c r="C3061" s="39" t="s">
        <v>67</v>
      </c>
      <c r="D3061" s="45">
        <v>78</v>
      </c>
      <c r="E3061" s="46">
        <v>28.2</v>
      </c>
      <c r="F3061" s="46">
        <v>29.5</v>
      </c>
      <c r="G3061" s="46">
        <v>15.4</v>
      </c>
      <c r="H3061" s="46">
        <v>11.5</v>
      </c>
      <c r="I3061" s="46">
        <v>7.7</v>
      </c>
      <c r="J3061" s="46">
        <v>6.4</v>
      </c>
      <c r="K3061" s="47">
        <v>1.3</v>
      </c>
    </row>
    <row r="3062" spans="2:11" x14ac:dyDescent="0.2">
      <c r="B3062" s="76"/>
      <c r="C3062" s="39" t="s">
        <v>68</v>
      </c>
      <c r="D3062" s="45">
        <v>897</v>
      </c>
      <c r="E3062" s="46">
        <v>12.9</v>
      </c>
      <c r="F3062" s="46">
        <v>24.2</v>
      </c>
      <c r="G3062" s="46">
        <v>20.7</v>
      </c>
      <c r="H3062" s="46">
        <v>14.6</v>
      </c>
      <c r="I3062" s="46">
        <v>8.6999999999999993</v>
      </c>
      <c r="J3062" s="46">
        <v>7.4</v>
      </c>
      <c r="K3062" s="47">
        <v>11.5</v>
      </c>
    </row>
    <row r="3063" spans="2:11" x14ac:dyDescent="0.2">
      <c r="B3063" s="76"/>
      <c r="C3063" s="39" t="s">
        <v>69</v>
      </c>
      <c r="D3063" s="45">
        <v>189</v>
      </c>
      <c r="E3063" s="46">
        <v>44.4</v>
      </c>
      <c r="F3063" s="46">
        <v>20.100000000000001</v>
      </c>
      <c r="G3063" s="46">
        <v>9.5</v>
      </c>
      <c r="H3063" s="46">
        <v>6.3</v>
      </c>
      <c r="I3063" s="46">
        <v>1.6</v>
      </c>
      <c r="J3063" s="46">
        <v>2.1</v>
      </c>
      <c r="K3063" s="47">
        <v>15.9</v>
      </c>
    </row>
    <row r="3064" spans="2:11" x14ac:dyDescent="0.2">
      <c r="B3064" s="76"/>
      <c r="C3064" s="39" t="s">
        <v>70</v>
      </c>
      <c r="D3064" s="45">
        <v>914</v>
      </c>
      <c r="E3064" s="46">
        <v>29.9</v>
      </c>
      <c r="F3064" s="46">
        <v>20.399999999999999</v>
      </c>
      <c r="G3064" s="46">
        <v>11.1</v>
      </c>
      <c r="H3064" s="46">
        <v>8.8000000000000007</v>
      </c>
      <c r="I3064" s="46">
        <v>4.5999999999999996</v>
      </c>
      <c r="J3064" s="46">
        <v>5.9</v>
      </c>
      <c r="K3064" s="47">
        <v>19.5</v>
      </c>
    </row>
    <row r="3065" spans="2:11" ht="21.6" x14ac:dyDescent="0.2">
      <c r="B3065" s="76"/>
      <c r="C3065" s="39" t="s">
        <v>63</v>
      </c>
      <c r="D3065" s="45">
        <v>193</v>
      </c>
      <c r="E3065" s="46">
        <v>37.299999999999997</v>
      </c>
      <c r="F3065" s="46">
        <v>15</v>
      </c>
      <c r="G3065" s="46">
        <v>8.3000000000000007</v>
      </c>
      <c r="H3065" s="46">
        <v>4.0999999999999996</v>
      </c>
      <c r="I3065" s="46">
        <v>4.0999999999999996</v>
      </c>
      <c r="J3065" s="46">
        <v>3.1</v>
      </c>
      <c r="K3065" s="47">
        <v>28</v>
      </c>
    </row>
    <row r="3066" spans="2:11" x14ac:dyDescent="0.2">
      <c r="B3066" s="76"/>
      <c r="C3066" s="39" t="s">
        <v>64</v>
      </c>
      <c r="D3066" s="45">
        <v>203</v>
      </c>
      <c r="E3066" s="46">
        <v>28.1</v>
      </c>
      <c r="F3066" s="46">
        <v>21.2</v>
      </c>
      <c r="G3066" s="46">
        <v>10.3</v>
      </c>
      <c r="H3066" s="46">
        <v>8.9</v>
      </c>
      <c r="I3066" s="46">
        <v>4.4000000000000004</v>
      </c>
      <c r="J3066" s="46">
        <v>5.9</v>
      </c>
      <c r="K3066" s="47">
        <v>21.2</v>
      </c>
    </row>
    <row r="3067" spans="2:11" x14ac:dyDescent="0.2">
      <c r="B3067" s="76"/>
      <c r="C3067" s="39" t="s">
        <v>65</v>
      </c>
      <c r="D3067" s="45">
        <v>263</v>
      </c>
      <c r="E3067" s="46">
        <v>27.8</v>
      </c>
      <c r="F3067" s="46">
        <v>24</v>
      </c>
      <c r="G3067" s="46">
        <v>12.2</v>
      </c>
      <c r="H3067" s="46">
        <v>8</v>
      </c>
      <c r="I3067" s="46">
        <v>3</v>
      </c>
      <c r="J3067" s="46">
        <v>7.2</v>
      </c>
      <c r="K3067" s="47">
        <v>17.899999999999999</v>
      </c>
    </row>
    <row r="3068" spans="2:11" x14ac:dyDescent="0.2">
      <c r="B3068" s="76"/>
      <c r="C3068" s="39" t="s">
        <v>66</v>
      </c>
      <c r="D3068" s="45">
        <v>194</v>
      </c>
      <c r="E3068" s="46">
        <v>25.8</v>
      </c>
      <c r="F3068" s="46">
        <v>21.1</v>
      </c>
      <c r="G3068" s="46">
        <v>12.4</v>
      </c>
      <c r="H3068" s="46">
        <v>12.4</v>
      </c>
      <c r="I3068" s="46">
        <v>6.2</v>
      </c>
      <c r="J3068" s="46">
        <v>8.1999999999999993</v>
      </c>
      <c r="K3068" s="47">
        <v>13.9</v>
      </c>
    </row>
    <row r="3069" spans="2:11" x14ac:dyDescent="0.2">
      <c r="B3069" s="76"/>
      <c r="C3069" s="39" t="s">
        <v>67</v>
      </c>
      <c r="D3069" s="45">
        <v>61</v>
      </c>
      <c r="E3069" s="46">
        <v>34.4</v>
      </c>
      <c r="F3069" s="46">
        <v>16.399999999999999</v>
      </c>
      <c r="G3069" s="46">
        <v>13.1</v>
      </c>
      <c r="H3069" s="46">
        <v>14.8</v>
      </c>
      <c r="I3069" s="46">
        <v>8.1999999999999993</v>
      </c>
      <c r="J3069" s="46">
        <v>1.6</v>
      </c>
      <c r="K3069" s="47">
        <v>11.5</v>
      </c>
    </row>
    <row r="3070" spans="2:11" x14ac:dyDescent="0.2">
      <c r="B3070" s="76"/>
      <c r="C3070" s="39" t="s">
        <v>68</v>
      </c>
      <c r="D3070" s="45">
        <v>416</v>
      </c>
      <c r="E3070" s="46">
        <v>26.4</v>
      </c>
      <c r="F3070" s="46">
        <v>21.4</v>
      </c>
      <c r="G3070" s="46">
        <v>12</v>
      </c>
      <c r="H3070" s="46">
        <v>9.9</v>
      </c>
      <c r="I3070" s="46">
        <v>6</v>
      </c>
      <c r="J3070" s="46">
        <v>8.4</v>
      </c>
      <c r="K3070" s="47">
        <v>15.9</v>
      </c>
    </row>
    <row r="3071" spans="2:11" x14ac:dyDescent="0.2">
      <c r="B3071" s="76"/>
      <c r="C3071" s="40" t="s">
        <v>69</v>
      </c>
      <c r="D3071" s="48">
        <v>498</v>
      </c>
      <c r="E3071" s="49">
        <v>32.700000000000003</v>
      </c>
      <c r="F3071" s="49">
        <v>19.5</v>
      </c>
      <c r="G3071" s="49">
        <v>10.199999999999999</v>
      </c>
      <c r="H3071" s="49">
        <v>7.8</v>
      </c>
      <c r="I3071" s="49">
        <v>3.4</v>
      </c>
      <c r="J3071" s="49">
        <v>3.8</v>
      </c>
      <c r="K3071" s="50">
        <v>22.5</v>
      </c>
    </row>
    <row r="3073" spans="1:25" x14ac:dyDescent="0.2">
      <c r="A3073" s="26" t="s">
        <v>25</v>
      </c>
      <c r="B3073" t="s">
        <v>35</v>
      </c>
      <c r="C3073" t="s">
        <v>35</v>
      </c>
    </row>
    <row r="3074" spans="1:25" x14ac:dyDescent="0.2">
      <c r="B3074" s="74" t="s">
        <v>169</v>
      </c>
      <c r="C3074" s="75"/>
      <c r="D3074" s="75"/>
      <c r="E3074" s="75"/>
      <c r="F3074" s="75"/>
      <c r="G3074" s="75"/>
      <c r="H3074" s="75"/>
      <c r="I3074" s="75"/>
      <c r="J3074" s="75"/>
      <c r="K3074" s="75"/>
      <c r="L3074" s="75"/>
      <c r="M3074" s="75"/>
      <c r="N3074" s="75"/>
      <c r="O3074" s="75"/>
      <c r="P3074" s="75"/>
      <c r="Q3074" s="75"/>
      <c r="R3074" s="75"/>
      <c r="S3074" s="75"/>
      <c r="T3074" s="75"/>
      <c r="U3074" s="75"/>
      <c r="V3074" s="75"/>
      <c r="W3074" s="75"/>
      <c r="X3074" s="75"/>
      <c r="Y3074" s="75"/>
    </row>
    <row r="3075" spans="1:25" s="32" customFormat="1" ht="68.849999999999994" customHeight="1" x14ac:dyDescent="0.15">
      <c r="A3075" s="31"/>
      <c r="D3075" s="33" t="s">
        <v>242</v>
      </c>
      <c r="E3075" s="35" t="s">
        <v>434</v>
      </c>
      <c r="F3075" s="36" t="s">
        <v>454</v>
      </c>
      <c r="G3075" s="36" t="s">
        <v>455</v>
      </c>
      <c r="H3075" s="36" t="s">
        <v>456</v>
      </c>
      <c r="I3075" s="36" t="s">
        <v>457</v>
      </c>
      <c r="J3075" s="36" t="s">
        <v>447</v>
      </c>
      <c r="K3075" s="37" t="s">
        <v>276</v>
      </c>
      <c r="L3075" s="34" t="s">
        <v>251</v>
      </c>
    </row>
    <row r="3076" spans="1:25" x14ac:dyDescent="0.2">
      <c r="B3076" s="5"/>
      <c r="C3076" s="41" t="s">
        <v>38</v>
      </c>
      <c r="D3076" s="42">
        <v>2000</v>
      </c>
      <c r="E3076" s="43">
        <v>19</v>
      </c>
      <c r="F3076" s="43">
        <v>12.4</v>
      </c>
      <c r="G3076" s="43">
        <v>9.5</v>
      </c>
      <c r="H3076" s="43">
        <v>9.8000000000000007</v>
      </c>
      <c r="I3076" s="43">
        <v>9</v>
      </c>
      <c r="J3076" s="43">
        <v>10.7</v>
      </c>
      <c r="K3076" s="44">
        <v>29.7</v>
      </c>
    </row>
    <row r="3077" spans="1:25" x14ac:dyDescent="0.2">
      <c r="B3077" s="76" t="s">
        <v>37</v>
      </c>
      <c r="C3077" s="39" t="s">
        <v>39</v>
      </c>
      <c r="D3077" s="45">
        <v>111</v>
      </c>
      <c r="E3077" s="46">
        <v>20.7</v>
      </c>
      <c r="F3077" s="46">
        <v>13.5</v>
      </c>
      <c r="G3077" s="46">
        <v>8.1</v>
      </c>
      <c r="H3077" s="46">
        <v>16.2</v>
      </c>
      <c r="I3077" s="46">
        <v>12.6</v>
      </c>
      <c r="J3077" s="46">
        <v>9</v>
      </c>
      <c r="K3077" s="47">
        <v>19.8</v>
      </c>
    </row>
    <row r="3078" spans="1:25" x14ac:dyDescent="0.2">
      <c r="B3078" s="76"/>
      <c r="C3078" s="39" t="s">
        <v>40</v>
      </c>
      <c r="D3078" s="45">
        <v>450</v>
      </c>
      <c r="E3078" s="46">
        <v>18</v>
      </c>
      <c r="F3078" s="46">
        <v>10.4</v>
      </c>
      <c r="G3078" s="46">
        <v>9.8000000000000007</v>
      </c>
      <c r="H3078" s="46">
        <v>11.6</v>
      </c>
      <c r="I3078" s="46">
        <v>12</v>
      </c>
      <c r="J3078" s="46">
        <v>13.8</v>
      </c>
      <c r="K3078" s="47">
        <v>24.4</v>
      </c>
    </row>
    <row r="3079" spans="1:25" ht="21.6" x14ac:dyDescent="0.2">
      <c r="B3079" s="76"/>
      <c r="C3079" s="39" t="s">
        <v>41</v>
      </c>
      <c r="D3079" s="45">
        <v>30</v>
      </c>
      <c r="E3079" s="46">
        <v>16.7</v>
      </c>
      <c r="F3079" s="46">
        <v>6.7</v>
      </c>
      <c r="G3079" s="46">
        <v>3.3</v>
      </c>
      <c r="H3079" s="46">
        <v>3.3</v>
      </c>
      <c r="I3079" s="46">
        <v>20</v>
      </c>
      <c r="J3079" s="46">
        <v>6.7</v>
      </c>
      <c r="K3079" s="47">
        <v>43.3</v>
      </c>
    </row>
    <row r="3080" spans="1:25" ht="21.6" x14ac:dyDescent="0.2">
      <c r="B3080" s="76"/>
      <c r="C3080" s="39" t="s">
        <v>42</v>
      </c>
      <c r="D3080" s="45">
        <v>336</v>
      </c>
      <c r="E3080" s="46">
        <v>17</v>
      </c>
      <c r="F3080" s="46">
        <v>13.1</v>
      </c>
      <c r="G3080" s="46">
        <v>11.9</v>
      </c>
      <c r="H3080" s="46">
        <v>10.1</v>
      </c>
      <c r="I3080" s="46">
        <v>9.5</v>
      </c>
      <c r="J3080" s="46">
        <v>12.5</v>
      </c>
      <c r="K3080" s="47">
        <v>25.9</v>
      </c>
    </row>
    <row r="3081" spans="1:25" ht="21.6" x14ac:dyDescent="0.2">
      <c r="B3081" s="76"/>
      <c r="C3081" s="39" t="s">
        <v>43</v>
      </c>
      <c r="D3081" s="45">
        <v>327</v>
      </c>
      <c r="E3081" s="46">
        <v>23.2</v>
      </c>
      <c r="F3081" s="46">
        <v>13.5</v>
      </c>
      <c r="G3081" s="46">
        <v>7.6</v>
      </c>
      <c r="H3081" s="46">
        <v>8.3000000000000007</v>
      </c>
      <c r="I3081" s="46">
        <v>5.2</v>
      </c>
      <c r="J3081" s="46">
        <v>8.3000000000000007</v>
      </c>
      <c r="K3081" s="47">
        <v>33.9</v>
      </c>
    </row>
    <row r="3082" spans="1:25" ht="21.6" x14ac:dyDescent="0.2">
      <c r="B3082" s="76"/>
      <c r="C3082" s="39" t="s">
        <v>44</v>
      </c>
      <c r="D3082" s="45">
        <v>181</v>
      </c>
      <c r="E3082" s="46">
        <v>14.4</v>
      </c>
      <c r="F3082" s="46">
        <v>10.5</v>
      </c>
      <c r="G3082" s="46">
        <v>12.2</v>
      </c>
      <c r="H3082" s="46">
        <v>10.5</v>
      </c>
      <c r="I3082" s="46">
        <v>11.6</v>
      </c>
      <c r="J3082" s="46">
        <v>18.2</v>
      </c>
      <c r="K3082" s="47">
        <v>22.7</v>
      </c>
    </row>
    <row r="3083" spans="1:25" ht="21.6" x14ac:dyDescent="0.2">
      <c r="B3083" s="76"/>
      <c r="C3083" s="39" t="s">
        <v>45</v>
      </c>
      <c r="D3083" s="45">
        <v>565</v>
      </c>
      <c r="E3083" s="46">
        <v>19.8</v>
      </c>
      <c r="F3083" s="46">
        <v>13.5</v>
      </c>
      <c r="G3083" s="46">
        <v>8.6999999999999993</v>
      </c>
      <c r="H3083" s="46">
        <v>8</v>
      </c>
      <c r="I3083" s="46">
        <v>6.4</v>
      </c>
      <c r="J3083" s="46">
        <v>6.7</v>
      </c>
      <c r="K3083" s="47">
        <v>37</v>
      </c>
    </row>
    <row r="3084" spans="1:25" ht="21.6" x14ac:dyDescent="0.2">
      <c r="B3084" s="76"/>
      <c r="C3084" s="39" t="s">
        <v>46</v>
      </c>
      <c r="D3084" s="45">
        <v>473</v>
      </c>
      <c r="E3084" s="46">
        <v>37.4</v>
      </c>
      <c r="F3084" s="46">
        <v>18.8</v>
      </c>
      <c r="G3084" s="46">
        <v>11.4</v>
      </c>
      <c r="H3084" s="46">
        <v>7.6</v>
      </c>
      <c r="I3084" s="46">
        <v>4.2</v>
      </c>
      <c r="J3084" s="46">
        <v>2.7</v>
      </c>
      <c r="K3084" s="47">
        <v>17.8</v>
      </c>
    </row>
    <row r="3085" spans="1:25" ht="21.6" x14ac:dyDescent="0.2">
      <c r="B3085" s="76"/>
      <c r="C3085" s="39" t="s">
        <v>47</v>
      </c>
      <c r="D3085" s="45">
        <v>441</v>
      </c>
      <c r="E3085" s="46">
        <v>23.6</v>
      </c>
      <c r="F3085" s="46">
        <v>17.5</v>
      </c>
      <c r="G3085" s="46">
        <v>12.7</v>
      </c>
      <c r="H3085" s="46">
        <v>10.7</v>
      </c>
      <c r="I3085" s="46">
        <v>10.4</v>
      </c>
      <c r="J3085" s="46">
        <v>7.5</v>
      </c>
      <c r="K3085" s="47">
        <v>17.7</v>
      </c>
    </row>
    <row r="3086" spans="1:25" ht="21.6" x14ac:dyDescent="0.2">
      <c r="B3086" s="76"/>
      <c r="C3086" s="39" t="s">
        <v>48</v>
      </c>
      <c r="D3086" s="45">
        <v>305</v>
      </c>
      <c r="E3086" s="46">
        <v>13.8</v>
      </c>
      <c r="F3086" s="46">
        <v>14.1</v>
      </c>
      <c r="G3086" s="46">
        <v>10.5</v>
      </c>
      <c r="H3086" s="46">
        <v>14.4</v>
      </c>
      <c r="I3086" s="46">
        <v>12.1</v>
      </c>
      <c r="J3086" s="46">
        <v>12.1</v>
      </c>
      <c r="K3086" s="47">
        <v>23</v>
      </c>
    </row>
    <row r="3087" spans="1:25" ht="21.6" x14ac:dyDescent="0.2">
      <c r="B3087" s="76"/>
      <c r="C3087" s="39" t="s">
        <v>49</v>
      </c>
      <c r="D3087" s="45">
        <v>223</v>
      </c>
      <c r="E3087" s="46">
        <v>10.8</v>
      </c>
      <c r="F3087" s="46">
        <v>9.4</v>
      </c>
      <c r="G3087" s="46">
        <v>13.9</v>
      </c>
      <c r="H3087" s="46">
        <v>17.899999999999999</v>
      </c>
      <c r="I3087" s="46">
        <v>14.8</v>
      </c>
      <c r="J3087" s="46">
        <v>15.7</v>
      </c>
      <c r="K3087" s="47">
        <v>17.5</v>
      </c>
    </row>
    <row r="3088" spans="1:25" ht="21.6" x14ac:dyDescent="0.2">
      <c r="B3088" s="76"/>
      <c r="C3088" s="39" t="s">
        <v>50</v>
      </c>
      <c r="D3088" s="45">
        <v>123</v>
      </c>
      <c r="E3088" s="46">
        <v>4.0999999999999996</v>
      </c>
      <c r="F3088" s="46">
        <v>3.3</v>
      </c>
      <c r="G3088" s="46">
        <v>8.9</v>
      </c>
      <c r="H3088" s="46">
        <v>10.6</v>
      </c>
      <c r="I3088" s="46">
        <v>17.100000000000001</v>
      </c>
      <c r="J3088" s="46">
        <v>29.3</v>
      </c>
      <c r="K3088" s="47">
        <v>26.8</v>
      </c>
    </row>
    <row r="3089" spans="1:25" ht="21.6" x14ac:dyDescent="0.2">
      <c r="B3089" s="76"/>
      <c r="C3089" s="39" t="s">
        <v>51</v>
      </c>
      <c r="D3089" s="45">
        <v>124</v>
      </c>
      <c r="E3089" s="46">
        <v>1.6</v>
      </c>
      <c r="F3089" s="46">
        <v>1.6</v>
      </c>
      <c r="G3089" s="46">
        <v>1.6</v>
      </c>
      <c r="H3089" s="46">
        <v>8.9</v>
      </c>
      <c r="I3089" s="46">
        <v>16.899999999999999</v>
      </c>
      <c r="J3089" s="46">
        <v>43.5</v>
      </c>
      <c r="K3089" s="47">
        <v>25.8</v>
      </c>
    </row>
    <row r="3090" spans="1:25" ht="21.6" x14ac:dyDescent="0.2">
      <c r="B3090" s="76"/>
      <c r="C3090" s="39" t="s">
        <v>52</v>
      </c>
      <c r="D3090" s="45">
        <v>312</v>
      </c>
      <c r="E3090" s="46">
        <v>24.4</v>
      </c>
      <c r="F3090" s="46">
        <v>12.2</v>
      </c>
      <c r="G3090" s="46">
        <v>9.6</v>
      </c>
      <c r="H3090" s="46">
        <v>8.3000000000000007</v>
      </c>
      <c r="I3090" s="46">
        <v>7.4</v>
      </c>
      <c r="J3090" s="46">
        <v>7.1</v>
      </c>
      <c r="K3090" s="47">
        <v>31.1</v>
      </c>
    </row>
    <row r="3091" spans="1:25" x14ac:dyDescent="0.2">
      <c r="B3091" s="76"/>
      <c r="C3091" s="39" t="s">
        <v>53</v>
      </c>
      <c r="D3091" s="45">
        <v>269</v>
      </c>
      <c r="E3091" s="46">
        <v>24.5</v>
      </c>
      <c r="F3091" s="46">
        <v>16</v>
      </c>
      <c r="G3091" s="46">
        <v>10.4</v>
      </c>
      <c r="H3091" s="46">
        <v>7.1</v>
      </c>
      <c r="I3091" s="46">
        <v>7.1</v>
      </c>
      <c r="J3091" s="46">
        <v>5.9</v>
      </c>
      <c r="K3091" s="47">
        <v>29</v>
      </c>
    </row>
    <row r="3092" spans="1:25" ht="21.6" x14ac:dyDescent="0.2">
      <c r="B3092" s="76"/>
      <c r="C3092" s="39" t="s">
        <v>54</v>
      </c>
      <c r="D3092" s="45">
        <v>511</v>
      </c>
      <c r="E3092" s="46">
        <v>16.8</v>
      </c>
      <c r="F3092" s="46">
        <v>13.5</v>
      </c>
      <c r="G3092" s="46">
        <v>11.5</v>
      </c>
      <c r="H3092" s="46">
        <v>12.1</v>
      </c>
      <c r="I3092" s="46">
        <v>10</v>
      </c>
      <c r="J3092" s="46">
        <v>11</v>
      </c>
      <c r="K3092" s="47">
        <v>25</v>
      </c>
    </row>
    <row r="3093" spans="1:25" ht="21.6" x14ac:dyDescent="0.2">
      <c r="B3093" s="76"/>
      <c r="C3093" s="39" t="s">
        <v>55</v>
      </c>
      <c r="D3093" s="45">
        <v>615</v>
      </c>
      <c r="E3093" s="46">
        <v>14.5</v>
      </c>
      <c r="F3093" s="46">
        <v>12</v>
      </c>
      <c r="G3093" s="46">
        <v>9.4</v>
      </c>
      <c r="H3093" s="46">
        <v>12.7</v>
      </c>
      <c r="I3093" s="46">
        <v>13.3</v>
      </c>
      <c r="J3093" s="46">
        <v>17.2</v>
      </c>
      <c r="K3093" s="47">
        <v>20.8</v>
      </c>
    </row>
    <row r="3094" spans="1:25" ht="21.6" x14ac:dyDescent="0.2">
      <c r="B3094" s="76"/>
      <c r="C3094" s="39" t="s">
        <v>56</v>
      </c>
      <c r="D3094" s="45">
        <v>800</v>
      </c>
      <c r="E3094" s="46">
        <v>17.100000000000001</v>
      </c>
      <c r="F3094" s="46">
        <v>12.1</v>
      </c>
      <c r="G3094" s="46">
        <v>11</v>
      </c>
      <c r="H3094" s="46">
        <v>11.6</v>
      </c>
      <c r="I3094" s="46">
        <v>10</v>
      </c>
      <c r="J3094" s="46">
        <v>12.9</v>
      </c>
      <c r="K3094" s="47">
        <v>25.3</v>
      </c>
    </row>
    <row r="3095" spans="1:25" x14ac:dyDescent="0.2">
      <c r="B3095" s="76"/>
      <c r="C3095" s="40" t="s">
        <v>57</v>
      </c>
      <c r="D3095" s="48">
        <v>798</v>
      </c>
      <c r="E3095" s="49">
        <v>17.899999999999999</v>
      </c>
      <c r="F3095" s="49">
        <v>13.7</v>
      </c>
      <c r="G3095" s="49">
        <v>9.8000000000000007</v>
      </c>
      <c r="H3095" s="49">
        <v>10</v>
      </c>
      <c r="I3095" s="49">
        <v>10.4</v>
      </c>
      <c r="J3095" s="49">
        <v>10.9</v>
      </c>
      <c r="K3095" s="50">
        <v>27.3</v>
      </c>
    </row>
    <row r="3096" spans="1:25" x14ac:dyDescent="0.2">
      <c r="B3096" s="7" t="s">
        <v>71</v>
      </c>
      <c r="C3096" s="4" t="s">
        <v>170</v>
      </c>
    </row>
    <row r="3097" spans="1:25" x14ac:dyDescent="0.2">
      <c r="B3097" s="4"/>
      <c r="C3097" s="4" t="s">
        <v>73</v>
      </c>
    </row>
    <row r="3099" spans="1:25" x14ac:dyDescent="0.2">
      <c r="C3099" t="s">
        <v>35</v>
      </c>
    </row>
    <row r="3100" spans="1:25" x14ac:dyDescent="0.2">
      <c r="B3100" s="74" t="s">
        <v>238</v>
      </c>
      <c r="C3100" s="75"/>
      <c r="D3100" s="75"/>
      <c r="E3100" s="75"/>
      <c r="F3100" s="75"/>
      <c r="G3100" s="75"/>
      <c r="H3100" s="75"/>
      <c r="I3100" s="75"/>
      <c r="J3100" s="75"/>
      <c r="K3100" s="75"/>
      <c r="L3100" s="75"/>
      <c r="M3100" s="75"/>
      <c r="N3100" s="75"/>
      <c r="O3100" s="75"/>
      <c r="P3100" s="75"/>
      <c r="Q3100" s="75"/>
      <c r="R3100" s="75"/>
      <c r="S3100" s="75"/>
      <c r="T3100" s="75"/>
      <c r="U3100" s="75"/>
      <c r="V3100" s="75"/>
      <c r="W3100" s="75"/>
      <c r="X3100" s="75"/>
      <c r="Y3100" s="75"/>
    </row>
    <row r="3101" spans="1:25" s="32" customFormat="1" ht="68.849999999999994" customHeight="1" x14ac:dyDescent="0.15">
      <c r="A3101" s="31"/>
      <c r="D3101" s="33" t="s">
        <v>242</v>
      </c>
      <c r="E3101" s="35" t="s">
        <v>434</v>
      </c>
      <c r="F3101" s="36" t="s">
        <v>454</v>
      </c>
      <c r="G3101" s="36" t="s">
        <v>455</v>
      </c>
      <c r="H3101" s="36" t="s">
        <v>456</v>
      </c>
      <c r="I3101" s="36" t="s">
        <v>457</v>
      </c>
      <c r="J3101" s="36" t="s">
        <v>447</v>
      </c>
      <c r="K3101" s="37" t="s">
        <v>276</v>
      </c>
      <c r="L3101" s="34" t="s">
        <v>251</v>
      </c>
    </row>
    <row r="3102" spans="1:25" ht="21.6" x14ac:dyDescent="0.2">
      <c r="B3102" s="76" t="s">
        <v>37</v>
      </c>
      <c r="C3102" s="38" t="s">
        <v>58</v>
      </c>
      <c r="D3102" s="51">
        <v>609</v>
      </c>
      <c r="E3102" s="52">
        <v>17.899999999999999</v>
      </c>
      <c r="F3102" s="52">
        <v>13.5</v>
      </c>
      <c r="G3102" s="52">
        <v>12.3</v>
      </c>
      <c r="H3102" s="52">
        <v>13.3</v>
      </c>
      <c r="I3102" s="52">
        <v>9.6999999999999993</v>
      </c>
      <c r="J3102" s="52">
        <v>7.6</v>
      </c>
      <c r="K3102" s="53">
        <v>25.8</v>
      </c>
    </row>
    <row r="3103" spans="1:25" ht="21.6" x14ac:dyDescent="0.2">
      <c r="B3103" s="76"/>
      <c r="C3103" s="39" t="s">
        <v>59</v>
      </c>
      <c r="D3103" s="45">
        <v>1391</v>
      </c>
      <c r="E3103" s="46">
        <v>19.5</v>
      </c>
      <c r="F3103" s="46">
        <v>11.9</v>
      </c>
      <c r="G3103" s="46">
        <v>8.3000000000000007</v>
      </c>
      <c r="H3103" s="46">
        <v>8.3000000000000007</v>
      </c>
      <c r="I3103" s="46">
        <v>8.6999999999999993</v>
      </c>
      <c r="J3103" s="46">
        <v>12.1</v>
      </c>
      <c r="K3103" s="47">
        <v>31.3</v>
      </c>
    </row>
    <row r="3104" spans="1:25" x14ac:dyDescent="0.2">
      <c r="B3104" s="76"/>
      <c r="C3104" s="39" t="s">
        <v>60</v>
      </c>
      <c r="D3104" s="45">
        <v>1325</v>
      </c>
      <c r="E3104" s="46">
        <v>19.399999999999999</v>
      </c>
      <c r="F3104" s="46">
        <v>12.2</v>
      </c>
      <c r="G3104" s="46">
        <v>10.3</v>
      </c>
      <c r="H3104" s="46">
        <v>9.6</v>
      </c>
      <c r="I3104" s="46">
        <v>9.9</v>
      </c>
      <c r="J3104" s="46">
        <v>11.1</v>
      </c>
      <c r="K3104" s="47">
        <v>27.5</v>
      </c>
    </row>
    <row r="3105" spans="2:11" x14ac:dyDescent="0.2">
      <c r="B3105" s="76"/>
      <c r="C3105" s="39" t="s">
        <v>61</v>
      </c>
      <c r="D3105" s="45">
        <v>675</v>
      </c>
      <c r="E3105" s="46">
        <v>18.2</v>
      </c>
      <c r="F3105" s="46">
        <v>12.6</v>
      </c>
      <c r="G3105" s="46">
        <v>8</v>
      </c>
      <c r="H3105" s="46">
        <v>10.199999999999999</v>
      </c>
      <c r="I3105" s="46">
        <v>7.3</v>
      </c>
      <c r="J3105" s="46">
        <v>9.9</v>
      </c>
      <c r="K3105" s="47">
        <v>33.799999999999997</v>
      </c>
    </row>
    <row r="3106" spans="2:11" x14ac:dyDescent="0.2">
      <c r="B3106" s="76"/>
      <c r="C3106" s="39" t="s">
        <v>62</v>
      </c>
      <c r="D3106" s="45">
        <v>1086</v>
      </c>
      <c r="E3106" s="46">
        <v>18.100000000000001</v>
      </c>
      <c r="F3106" s="46">
        <v>12.7</v>
      </c>
      <c r="G3106" s="46">
        <v>10.199999999999999</v>
      </c>
      <c r="H3106" s="46">
        <v>11.1</v>
      </c>
      <c r="I3106" s="46">
        <v>10.1</v>
      </c>
      <c r="J3106" s="46">
        <v>12.2</v>
      </c>
      <c r="K3106" s="47">
        <v>25.4</v>
      </c>
    </row>
    <row r="3107" spans="2:11" ht="21.6" x14ac:dyDescent="0.2">
      <c r="B3107" s="76"/>
      <c r="C3107" s="39" t="s">
        <v>63</v>
      </c>
      <c r="D3107" s="45">
        <v>203</v>
      </c>
      <c r="E3107" s="46">
        <v>20.7</v>
      </c>
      <c r="F3107" s="46">
        <v>16.3</v>
      </c>
      <c r="G3107" s="46">
        <v>13.3</v>
      </c>
      <c r="H3107" s="46">
        <v>8.4</v>
      </c>
      <c r="I3107" s="46">
        <v>5.4</v>
      </c>
      <c r="J3107" s="46">
        <v>5.4</v>
      </c>
      <c r="K3107" s="47">
        <v>30.5</v>
      </c>
    </row>
    <row r="3108" spans="2:11" x14ac:dyDescent="0.2">
      <c r="B3108" s="76"/>
      <c r="C3108" s="39" t="s">
        <v>64</v>
      </c>
      <c r="D3108" s="45">
        <v>263</v>
      </c>
      <c r="E3108" s="46">
        <v>17.5</v>
      </c>
      <c r="F3108" s="46">
        <v>14.8</v>
      </c>
      <c r="G3108" s="46">
        <v>12.2</v>
      </c>
      <c r="H3108" s="46">
        <v>14.1</v>
      </c>
      <c r="I3108" s="46">
        <v>11</v>
      </c>
      <c r="J3108" s="46">
        <v>9.9</v>
      </c>
      <c r="K3108" s="47">
        <v>20.5</v>
      </c>
    </row>
    <row r="3109" spans="2:11" x14ac:dyDescent="0.2">
      <c r="B3109" s="76"/>
      <c r="C3109" s="39" t="s">
        <v>65</v>
      </c>
      <c r="D3109" s="45">
        <v>312</v>
      </c>
      <c r="E3109" s="46">
        <v>20.8</v>
      </c>
      <c r="F3109" s="46">
        <v>10.6</v>
      </c>
      <c r="G3109" s="46">
        <v>9.6</v>
      </c>
      <c r="H3109" s="46">
        <v>12.5</v>
      </c>
      <c r="I3109" s="46">
        <v>11.2</v>
      </c>
      <c r="J3109" s="46">
        <v>9.9</v>
      </c>
      <c r="K3109" s="47">
        <v>25.3</v>
      </c>
    </row>
    <row r="3110" spans="2:11" x14ac:dyDescent="0.2">
      <c r="B3110" s="76"/>
      <c r="C3110" s="39" t="s">
        <v>66</v>
      </c>
      <c r="D3110" s="45">
        <v>230</v>
      </c>
      <c r="E3110" s="46">
        <v>15.7</v>
      </c>
      <c r="F3110" s="46">
        <v>12.2</v>
      </c>
      <c r="G3110" s="46">
        <v>6.1</v>
      </c>
      <c r="H3110" s="46">
        <v>8.6999999999999993</v>
      </c>
      <c r="I3110" s="46">
        <v>9.6</v>
      </c>
      <c r="J3110" s="46">
        <v>20</v>
      </c>
      <c r="K3110" s="47">
        <v>27.8</v>
      </c>
    </row>
    <row r="3111" spans="2:11" x14ac:dyDescent="0.2">
      <c r="B3111" s="76"/>
      <c r="C3111" s="39" t="s">
        <v>67</v>
      </c>
      <c r="D3111" s="45">
        <v>78</v>
      </c>
      <c r="E3111" s="46">
        <v>10.3</v>
      </c>
      <c r="F3111" s="46">
        <v>6.4</v>
      </c>
      <c r="G3111" s="46">
        <v>10.3</v>
      </c>
      <c r="H3111" s="46">
        <v>10.3</v>
      </c>
      <c r="I3111" s="46">
        <v>16.7</v>
      </c>
      <c r="J3111" s="46">
        <v>24.4</v>
      </c>
      <c r="K3111" s="47">
        <v>21.8</v>
      </c>
    </row>
    <row r="3112" spans="2:11" x14ac:dyDescent="0.2">
      <c r="B3112" s="76"/>
      <c r="C3112" s="39" t="s">
        <v>68</v>
      </c>
      <c r="D3112" s="45">
        <v>897</v>
      </c>
      <c r="E3112" s="46">
        <v>15.9</v>
      </c>
      <c r="F3112" s="46">
        <v>13.2</v>
      </c>
      <c r="G3112" s="46">
        <v>10.9</v>
      </c>
      <c r="H3112" s="46">
        <v>12.3</v>
      </c>
      <c r="I3112" s="46">
        <v>10.8</v>
      </c>
      <c r="J3112" s="46">
        <v>13</v>
      </c>
      <c r="K3112" s="47">
        <v>23.9</v>
      </c>
    </row>
    <row r="3113" spans="2:11" x14ac:dyDescent="0.2">
      <c r="B3113" s="76"/>
      <c r="C3113" s="39" t="s">
        <v>69</v>
      </c>
      <c r="D3113" s="45">
        <v>189</v>
      </c>
      <c r="E3113" s="46">
        <v>28.6</v>
      </c>
      <c r="F3113" s="46">
        <v>10.6</v>
      </c>
      <c r="G3113" s="46">
        <v>6.9</v>
      </c>
      <c r="H3113" s="46">
        <v>5.8</v>
      </c>
      <c r="I3113" s="46">
        <v>6.9</v>
      </c>
      <c r="J3113" s="46">
        <v>8.5</v>
      </c>
      <c r="K3113" s="47">
        <v>32.799999999999997</v>
      </c>
    </row>
    <row r="3114" spans="2:11" x14ac:dyDescent="0.2">
      <c r="B3114" s="76"/>
      <c r="C3114" s="39" t="s">
        <v>70</v>
      </c>
      <c r="D3114" s="45">
        <v>914</v>
      </c>
      <c r="E3114" s="46">
        <v>20</v>
      </c>
      <c r="F3114" s="46">
        <v>11.9</v>
      </c>
      <c r="G3114" s="46">
        <v>8.6</v>
      </c>
      <c r="H3114" s="46">
        <v>8.1999999999999993</v>
      </c>
      <c r="I3114" s="46">
        <v>7.7</v>
      </c>
      <c r="J3114" s="46">
        <v>8.9</v>
      </c>
      <c r="K3114" s="47">
        <v>34.700000000000003</v>
      </c>
    </row>
    <row r="3115" spans="2:11" ht="21.6" x14ac:dyDescent="0.2">
      <c r="B3115" s="76"/>
      <c r="C3115" s="39" t="s">
        <v>63</v>
      </c>
      <c r="D3115" s="45">
        <v>193</v>
      </c>
      <c r="E3115" s="46">
        <v>23.8</v>
      </c>
      <c r="F3115" s="46">
        <v>16.600000000000001</v>
      </c>
      <c r="G3115" s="46">
        <v>8.3000000000000007</v>
      </c>
      <c r="H3115" s="46">
        <v>5.7</v>
      </c>
      <c r="I3115" s="46">
        <v>4.7</v>
      </c>
      <c r="J3115" s="46">
        <v>1.6</v>
      </c>
      <c r="K3115" s="47">
        <v>39.4</v>
      </c>
    </row>
    <row r="3116" spans="2:11" x14ac:dyDescent="0.2">
      <c r="B3116" s="76"/>
      <c r="C3116" s="39" t="s">
        <v>64</v>
      </c>
      <c r="D3116" s="45">
        <v>203</v>
      </c>
      <c r="E3116" s="46">
        <v>22.7</v>
      </c>
      <c r="F3116" s="46">
        <v>12.8</v>
      </c>
      <c r="G3116" s="46">
        <v>8.9</v>
      </c>
      <c r="H3116" s="46">
        <v>10.3</v>
      </c>
      <c r="I3116" s="46">
        <v>8.4</v>
      </c>
      <c r="J3116" s="46">
        <v>5.9</v>
      </c>
      <c r="K3116" s="47">
        <v>31</v>
      </c>
    </row>
    <row r="3117" spans="2:11" x14ac:dyDescent="0.2">
      <c r="B3117" s="76"/>
      <c r="C3117" s="39" t="s">
        <v>65</v>
      </c>
      <c r="D3117" s="45">
        <v>263</v>
      </c>
      <c r="E3117" s="46">
        <v>18.600000000000001</v>
      </c>
      <c r="F3117" s="46">
        <v>10.3</v>
      </c>
      <c r="G3117" s="46">
        <v>7.6</v>
      </c>
      <c r="H3117" s="46">
        <v>8.4</v>
      </c>
      <c r="I3117" s="46">
        <v>8</v>
      </c>
      <c r="J3117" s="46">
        <v>10.3</v>
      </c>
      <c r="K3117" s="47">
        <v>36.9</v>
      </c>
    </row>
    <row r="3118" spans="2:11" x14ac:dyDescent="0.2">
      <c r="B3118" s="76"/>
      <c r="C3118" s="39" t="s">
        <v>66</v>
      </c>
      <c r="D3118" s="45">
        <v>194</v>
      </c>
      <c r="E3118" s="46">
        <v>16.5</v>
      </c>
      <c r="F3118" s="46">
        <v>9.3000000000000007</v>
      </c>
      <c r="G3118" s="46">
        <v>9.8000000000000007</v>
      </c>
      <c r="H3118" s="46">
        <v>9.3000000000000007</v>
      </c>
      <c r="I3118" s="46">
        <v>9.3000000000000007</v>
      </c>
      <c r="J3118" s="46">
        <v>14.9</v>
      </c>
      <c r="K3118" s="47">
        <v>30.9</v>
      </c>
    </row>
    <row r="3119" spans="2:11" x14ac:dyDescent="0.2">
      <c r="B3119" s="76"/>
      <c r="C3119" s="39" t="s">
        <v>67</v>
      </c>
      <c r="D3119" s="45">
        <v>61</v>
      </c>
      <c r="E3119" s="46">
        <v>16.399999999999999</v>
      </c>
      <c r="F3119" s="46">
        <v>9.8000000000000007</v>
      </c>
      <c r="G3119" s="46">
        <v>9.8000000000000007</v>
      </c>
      <c r="H3119" s="46">
        <v>4.9000000000000004</v>
      </c>
      <c r="I3119" s="46">
        <v>8.1999999999999993</v>
      </c>
      <c r="J3119" s="46">
        <v>16.399999999999999</v>
      </c>
      <c r="K3119" s="47">
        <v>34.4</v>
      </c>
    </row>
    <row r="3120" spans="2:11" x14ac:dyDescent="0.2">
      <c r="B3120" s="76"/>
      <c r="C3120" s="39" t="s">
        <v>68</v>
      </c>
      <c r="D3120" s="45">
        <v>416</v>
      </c>
      <c r="E3120" s="46">
        <v>14.7</v>
      </c>
      <c r="F3120" s="46">
        <v>12.3</v>
      </c>
      <c r="G3120" s="46">
        <v>10.3</v>
      </c>
      <c r="H3120" s="46">
        <v>9.9</v>
      </c>
      <c r="I3120" s="46">
        <v>10.1</v>
      </c>
      <c r="J3120" s="46">
        <v>11.5</v>
      </c>
      <c r="K3120" s="47">
        <v>31.3</v>
      </c>
    </row>
    <row r="3121" spans="1:25" x14ac:dyDescent="0.2">
      <c r="B3121" s="76"/>
      <c r="C3121" s="40" t="s">
        <v>69</v>
      </c>
      <c r="D3121" s="48">
        <v>498</v>
      </c>
      <c r="E3121" s="49">
        <v>24.5</v>
      </c>
      <c r="F3121" s="49">
        <v>11.6</v>
      </c>
      <c r="G3121" s="49">
        <v>7.2</v>
      </c>
      <c r="H3121" s="49">
        <v>6.8</v>
      </c>
      <c r="I3121" s="49">
        <v>5.6</v>
      </c>
      <c r="J3121" s="49">
        <v>6.6</v>
      </c>
      <c r="K3121" s="50">
        <v>37.6</v>
      </c>
    </row>
    <row r="3122" spans="1:25" x14ac:dyDescent="0.2">
      <c r="B3122" s="7" t="s">
        <v>71</v>
      </c>
      <c r="C3122" s="4" t="s">
        <v>170</v>
      </c>
    </row>
    <row r="3123" spans="1:25" x14ac:dyDescent="0.2">
      <c r="B3123" s="4"/>
      <c r="C3123" s="4" t="s">
        <v>73</v>
      </c>
    </row>
    <row r="3125" spans="1:25" x14ac:dyDescent="0.2">
      <c r="A3125" s="26" t="s">
        <v>25</v>
      </c>
      <c r="B3125" t="s">
        <v>35</v>
      </c>
      <c r="C3125" t="s">
        <v>35</v>
      </c>
    </row>
    <row r="3126" spans="1:25" x14ac:dyDescent="0.2">
      <c r="B3126" s="74" t="s">
        <v>171</v>
      </c>
      <c r="C3126" s="75"/>
      <c r="D3126" s="75"/>
      <c r="E3126" s="75"/>
      <c r="F3126" s="75"/>
      <c r="G3126" s="75"/>
      <c r="H3126" s="75"/>
      <c r="I3126" s="75"/>
      <c r="J3126" s="75"/>
      <c r="K3126" s="75"/>
      <c r="L3126" s="75"/>
      <c r="M3126" s="75"/>
      <c r="N3126" s="75"/>
      <c r="O3126" s="75"/>
      <c r="P3126" s="75"/>
      <c r="Q3126" s="75"/>
      <c r="R3126" s="75"/>
      <c r="S3126" s="75"/>
      <c r="T3126" s="75"/>
      <c r="U3126" s="75"/>
      <c r="V3126" s="75"/>
      <c r="W3126" s="75"/>
      <c r="X3126" s="75"/>
      <c r="Y3126" s="75"/>
    </row>
    <row r="3127" spans="1:25" s="32" customFormat="1" ht="58.05" customHeight="1" x14ac:dyDescent="0.15">
      <c r="A3127" s="31"/>
      <c r="D3127" s="33" t="s">
        <v>242</v>
      </c>
      <c r="E3127" s="35" t="s">
        <v>458</v>
      </c>
      <c r="F3127" s="36" t="s">
        <v>459</v>
      </c>
      <c r="G3127" s="36" t="s">
        <v>460</v>
      </c>
      <c r="H3127" s="36" t="s">
        <v>461</v>
      </c>
      <c r="I3127" s="36" t="s">
        <v>462</v>
      </c>
      <c r="J3127" s="36" t="s">
        <v>463</v>
      </c>
      <c r="K3127" s="37" t="s">
        <v>276</v>
      </c>
      <c r="L3127" s="34" t="s">
        <v>251</v>
      </c>
    </row>
    <row r="3128" spans="1:25" x14ac:dyDescent="0.2">
      <c r="B3128" s="5"/>
      <c r="C3128" s="41" t="s">
        <v>38</v>
      </c>
      <c r="D3128" s="42">
        <v>2000</v>
      </c>
      <c r="E3128" s="43">
        <v>29.3</v>
      </c>
      <c r="F3128" s="43">
        <v>3.6</v>
      </c>
      <c r="G3128" s="43">
        <v>9.6</v>
      </c>
      <c r="H3128" s="43">
        <v>4.0999999999999996</v>
      </c>
      <c r="I3128" s="43">
        <v>1.7</v>
      </c>
      <c r="J3128" s="43">
        <v>54.2</v>
      </c>
      <c r="K3128" s="44">
        <v>6.9</v>
      </c>
    </row>
    <row r="3129" spans="1:25" x14ac:dyDescent="0.2">
      <c r="B3129" s="76" t="s">
        <v>37</v>
      </c>
      <c r="C3129" s="39" t="s">
        <v>39</v>
      </c>
      <c r="D3129" s="45">
        <v>111</v>
      </c>
      <c r="E3129" s="46">
        <v>30.6</v>
      </c>
      <c r="F3129" s="46">
        <v>4.5</v>
      </c>
      <c r="G3129" s="46">
        <v>16.2</v>
      </c>
      <c r="H3129" s="46">
        <v>5.4</v>
      </c>
      <c r="I3129" s="46">
        <v>0</v>
      </c>
      <c r="J3129" s="46">
        <v>54.1</v>
      </c>
      <c r="K3129" s="47">
        <v>3.6</v>
      </c>
    </row>
    <row r="3130" spans="1:25" x14ac:dyDescent="0.2">
      <c r="B3130" s="76"/>
      <c r="C3130" s="39" t="s">
        <v>40</v>
      </c>
      <c r="D3130" s="45">
        <v>450</v>
      </c>
      <c r="E3130" s="46">
        <v>31.8</v>
      </c>
      <c r="F3130" s="46">
        <v>3.1</v>
      </c>
      <c r="G3130" s="46">
        <v>9.3000000000000007</v>
      </c>
      <c r="H3130" s="46">
        <v>3.3</v>
      </c>
      <c r="I3130" s="46">
        <v>1.6</v>
      </c>
      <c r="J3130" s="46">
        <v>54.9</v>
      </c>
      <c r="K3130" s="47">
        <v>4.7</v>
      </c>
    </row>
    <row r="3131" spans="1:25" ht="21.6" x14ac:dyDescent="0.2">
      <c r="B3131" s="76"/>
      <c r="C3131" s="39" t="s">
        <v>41</v>
      </c>
      <c r="D3131" s="45">
        <v>30</v>
      </c>
      <c r="E3131" s="46">
        <v>23.3</v>
      </c>
      <c r="F3131" s="46">
        <v>10</v>
      </c>
      <c r="G3131" s="46">
        <v>3.3</v>
      </c>
      <c r="H3131" s="46">
        <v>6.7</v>
      </c>
      <c r="I3131" s="46">
        <v>0</v>
      </c>
      <c r="J3131" s="46">
        <v>60</v>
      </c>
      <c r="K3131" s="47">
        <v>10</v>
      </c>
    </row>
    <row r="3132" spans="1:25" ht="21.6" x14ac:dyDescent="0.2">
      <c r="B3132" s="76"/>
      <c r="C3132" s="39" t="s">
        <v>42</v>
      </c>
      <c r="D3132" s="45">
        <v>336</v>
      </c>
      <c r="E3132" s="46">
        <v>30.4</v>
      </c>
      <c r="F3132" s="46">
        <v>3</v>
      </c>
      <c r="G3132" s="46">
        <v>9.8000000000000007</v>
      </c>
      <c r="H3132" s="46">
        <v>5.7</v>
      </c>
      <c r="I3132" s="46">
        <v>2.1</v>
      </c>
      <c r="J3132" s="46">
        <v>53.6</v>
      </c>
      <c r="K3132" s="47">
        <v>6</v>
      </c>
    </row>
    <row r="3133" spans="1:25" ht="21.6" x14ac:dyDescent="0.2">
      <c r="B3133" s="76"/>
      <c r="C3133" s="39" t="s">
        <v>43</v>
      </c>
      <c r="D3133" s="45">
        <v>327</v>
      </c>
      <c r="E3133" s="46">
        <v>28.4</v>
      </c>
      <c r="F3133" s="46">
        <v>3.7</v>
      </c>
      <c r="G3133" s="46">
        <v>11.6</v>
      </c>
      <c r="H3133" s="46">
        <v>4.5999999999999996</v>
      </c>
      <c r="I3133" s="46">
        <v>2.1</v>
      </c>
      <c r="J3133" s="46">
        <v>50.5</v>
      </c>
      <c r="K3133" s="47">
        <v>9.8000000000000007</v>
      </c>
    </row>
    <row r="3134" spans="1:25" ht="21.6" x14ac:dyDescent="0.2">
      <c r="B3134" s="76"/>
      <c r="C3134" s="39" t="s">
        <v>44</v>
      </c>
      <c r="D3134" s="45">
        <v>181</v>
      </c>
      <c r="E3134" s="46">
        <v>30.9</v>
      </c>
      <c r="F3134" s="46">
        <v>3.3</v>
      </c>
      <c r="G3134" s="46">
        <v>8.8000000000000007</v>
      </c>
      <c r="H3134" s="46">
        <v>5</v>
      </c>
      <c r="I3134" s="46">
        <v>1.7</v>
      </c>
      <c r="J3134" s="46">
        <v>53.6</v>
      </c>
      <c r="K3134" s="47">
        <v>4.4000000000000004</v>
      </c>
    </row>
    <row r="3135" spans="1:25" ht="21.6" x14ac:dyDescent="0.2">
      <c r="B3135" s="76"/>
      <c r="C3135" s="39" t="s">
        <v>45</v>
      </c>
      <c r="D3135" s="45">
        <v>565</v>
      </c>
      <c r="E3135" s="46">
        <v>26.5</v>
      </c>
      <c r="F3135" s="46">
        <v>3.7</v>
      </c>
      <c r="G3135" s="46">
        <v>7.8</v>
      </c>
      <c r="H3135" s="46">
        <v>2.8</v>
      </c>
      <c r="I3135" s="46">
        <v>1.6</v>
      </c>
      <c r="J3135" s="46">
        <v>55.9</v>
      </c>
      <c r="K3135" s="47">
        <v>8.6999999999999993</v>
      </c>
    </row>
    <row r="3136" spans="1:25" ht="21.6" x14ac:dyDescent="0.2">
      <c r="B3136" s="76"/>
      <c r="C3136" s="39" t="s">
        <v>46</v>
      </c>
      <c r="D3136" s="45">
        <v>473</v>
      </c>
      <c r="E3136" s="46">
        <v>11.2</v>
      </c>
      <c r="F3136" s="46">
        <v>3.6</v>
      </c>
      <c r="G3136" s="46">
        <v>7</v>
      </c>
      <c r="H3136" s="46">
        <v>5.7</v>
      </c>
      <c r="I3136" s="46">
        <v>3</v>
      </c>
      <c r="J3136" s="46">
        <v>66.2</v>
      </c>
      <c r="K3136" s="47">
        <v>7.4</v>
      </c>
    </row>
    <row r="3137" spans="2:25" ht="21.6" x14ac:dyDescent="0.2">
      <c r="B3137" s="76"/>
      <c r="C3137" s="39" t="s">
        <v>47</v>
      </c>
      <c r="D3137" s="45">
        <v>441</v>
      </c>
      <c r="E3137" s="46">
        <v>30.8</v>
      </c>
      <c r="F3137" s="46">
        <v>4.0999999999999996</v>
      </c>
      <c r="G3137" s="46">
        <v>11.6</v>
      </c>
      <c r="H3137" s="46">
        <v>5.4</v>
      </c>
      <c r="I3137" s="46">
        <v>2</v>
      </c>
      <c r="J3137" s="46">
        <v>54.6</v>
      </c>
      <c r="K3137" s="47">
        <v>3.6</v>
      </c>
    </row>
    <row r="3138" spans="2:25" ht="21.6" x14ac:dyDescent="0.2">
      <c r="B3138" s="76"/>
      <c r="C3138" s="39" t="s">
        <v>48</v>
      </c>
      <c r="D3138" s="45">
        <v>305</v>
      </c>
      <c r="E3138" s="46">
        <v>40</v>
      </c>
      <c r="F3138" s="46">
        <v>2.6</v>
      </c>
      <c r="G3138" s="46">
        <v>11.8</v>
      </c>
      <c r="H3138" s="46">
        <v>4.3</v>
      </c>
      <c r="I3138" s="46">
        <v>0</v>
      </c>
      <c r="J3138" s="46">
        <v>49.8</v>
      </c>
      <c r="K3138" s="47">
        <v>2.6</v>
      </c>
    </row>
    <row r="3139" spans="2:25" ht="21.6" x14ac:dyDescent="0.2">
      <c r="B3139" s="76"/>
      <c r="C3139" s="39" t="s">
        <v>49</v>
      </c>
      <c r="D3139" s="45">
        <v>223</v>
      </c>
      <c r="E3139" s="46">
        <v>50.7</v>
      </c>
      <c r="F3139" s="46">
        <v>2.7</v>
      </c>
      <c r="G3139" s="46">
        <v>12.1</v>
      </c>
      <c r="H3139" s="46">
        <v>4</v>
      </c>
      <c r="I3139" s="46">
        <v>1.8</v>
      </c>
      <c r="J3139" s="46">
        <v>39</v>
      </c>
      <c r="K3139" s="47">
        <v>2.2000000000000002</v>
      </c>
    </row>
    <row r="3140" spans="2:25" ht="21.6" x14ac:dyDescent="0.2">
      <c r="B3140" s="76"/>
      <c r="C3140" s="39" t="s">
        <v>50</v>
      </c>
      <c r="D3140" s="45">
        <v>123</v>
      </c>
      <c r="E3140" s="46">
        <v>39</v>
      </c>
      <c r="F3140" s="46">
        <v>3.3</v>
      </c>
      <c r="G3140" s="46">
        <v>10.6</v>
      </c>
      <c r="H3140" s="46">
        <v>2.4</v>
      </c>
      <c r="I3140" s="46">
        <v>0.8</v>
      </c>
      <c r="J3140" s="46">
        <v>51.2</v>
      </c>
      <c r="K3140" s="47">
        <v>2.4</v>
      </c>
    </row>
    <row r="3141" spans="2:25" ht="21.6" x14ac:dyDescent="0.2">
      <c r="B3141" s="76"/>
      <c r="C3141" s="39" t="s">
        <v>51</v>
      </c>
      <c r="D3141" s="45">
        <v>124</v>
      </c>
      <c r="E3141" s="46">
        <v>43.5</v>
      </c>
      <c r="F3141" s="46">
        <v>3.2</v>
      </c>
      <c r="G3141" s="46">
        <v>11.3</v>
      </c>
      <c r="H3141" s="46">
        <v>0</v>
      </c>
      <c r="I3141" s="46">
        <v>1.6</v>
      </c>
      <c r="J3141" s="46">
        <v>49.2</v>
      </c>
      <c r="K3141" s="47">
        <v>1.6</v>
      </c>
    </row>
    <row r="3142" spans="2:25" ht="21.6" x14ac:dyDescent="0.2">
      <c r="B3142" s="76"/>
      <c r="C3142" s="39" t="s">
        <v>52</v>
      </c>
      <c r="D3142" s="45">
        <v>312</v>
      </c>
      <c r="E3142" s="46">
        <v>32.700000000000003</v>
      </c>
      <c r="F3142" s="46">
        <v>2.2000000000000002</v>
      </c>
      <c r="G3142" s="46">
        <v>9</v>
      </c>
      <c r="H3142" s="46">
        <v>4.8</v>
      </c>
      <c r="I3142" s="46">
        <v>1.9</v>
      </c>
      <c r="J3142" s="46">
        <v>52.2</v>
      </c>
      <c r="K3142" s="47">
        <v>6.4</v>
      </c>
    </row>
    <row r="3143" spans="2:25" x14ac:dyDescent="0.2">
      <c r="B3143" s="76"/>
      <c r="C3143" s="39" t="s">
        <v>53</v>
      </c>
      <c r="D3143" s="45">
        <v>269</v>
      </c>
      <c r="E3143" s="46">
        <v>30.9</v>
      </c>
      <c r="F3143" s="46">
        <v>3.7</v>
      </c>
      <c r="G3143" s="46">
        <v>12.6</v>
      </c>
      <c r="H3143" s="46">
        <v>5.6</v>
      </c>
      <c r="I3143" s="46">
        <v>0.7</v>
      </c>
      <c r="J3143" s="46">
        <v>51.3</v>
      </c>
      <c r="K3143" s="47">
        <v>6.7</v>
      </c>
    </row>
    <row r="3144" spans="2:25" ht="21.6" x14ac:dyDescent="0.2">
      <c r="B3144" s="76"/>
      <c r="C3144" s="39" t="s">
        <v>54</v>
      </c>
      <c r="D3144" s="45">
        <v>511</v>
      </c>
      <c r="E3144" s="46">
        <v>29.2</v>
      </c>
      <c r="F3144" s="46">
        <v>4.3</v>
      </c>
      <c r="G3144" s="46">
        <v>10.4</v>
      </c>
      <c r="H3144" s="46">
        <v>3.3</v>
      </c>
      <c r="I3144" s="46">
        <v>1.6</v>
      </c>
      <c r="J3144" s="46">
        <v>55.4</v>
      </c>
      <c r="K3144" s="47">
        <v>5.5</v>
      </c>
    </row>
    <row r="3145" spans="2:25" ht="21.6" x14ac:dyDescent="0.2">
      <c r="B3145" s="76"/>
      <c r="C3145" s="39" t="s">
        <v>55</v>
      </c>
      <c r="D3145" s="45">
        <v>615</v>
      </c>
      <c r="E3145" s="46">
        <v>30.9</v>
      </c>
      <c r="F3145" s="46">
        <v>2.9</v>
      </c>
      <c r="G3145" s="46">
        <v>9.4</v>
      </c>
      <c r="H3145" s="46">
        <v>3.4</v>
      </c>
      <c r="I3145" s="46">
        <v>2.1</v>
      </c>
      <c r="J3145" s="46">
        <v>56.6</v>
      </c>
      <c r="K3145" s="47">
        <v>3.6</v>
      </c>
    </row>
    <row r="3146" spans="2:25" ht="21.6" x14ac:dyDescent="0.2">
      <c r="B3146" s="76"/>
      <c r="C3146" s="39" t="s">
        <v>56</v>
      </c>
      <c r="D3146" s="45">
        <v>800</v>
      </c>
      <c r="E3146" s="46">
        <v>31.4</v>
      </c>
      <c r="F3146" s="46">
        <v>4.0999999999999996</v>
      </c>
      <c r="G3146" s="46">
        <v>11.6</v>
      </c>
      <c r="H3146" s="46">
        <v>4.0999999999999996</v>
      </c>
      <c r="I3146" s="46">
        <v>1.8</v>
      </c>
      <c r="J3146" s="46">
        <v>51.9</v>
      </c>
      <c r="K3146" s="47">
        <v>5.9</v>
      </c>
    </row>
    <row r="3147" spans="2:25" x14ac:dyDescent="0.2">
      <c r="B3147" s="76"/>
      <c r="C3147" s="40" t="s">
        <v>57</v>
      </c>
      <c r="D3147" s="48">
        <v>798</v>
      </c>
      <c r="E3147" s="49">
        <v>32.200000000000003</v>
      </c>
      <c r="F3147" s="49">
        <v>2.5</v>
      </c>
      <c r="G3147" s="49">
        <v>8.6</v>
      </c>
      <c r="H3147" s="49">
        <v>3.8</v>
      </c>
      <c r="I3147" s="49">
        <v>1.1000000000000001</v>
      </c>
      <c r="J3147" s="49">
        <v>55.6</v>
      </c>
      <c r="K3147" s="50">
        <v>4.5999999999999996</v>
      </c>
    </row>
    <row r="3148" spans="2:25" x14ac:dyDescent="0.2">
      <c r="B3148" s="7" t="s">
        <v>71</v>
      </c>
      <c r="C3148" s="4" t="s">
        <v>172</v>
      </c>
    </row>
    <row r="3149" spans="2:25" x14ac:dyDescent="0.2">
      <c r="B3149" s="4"/>
      <c r="C3149" s="4" t="s">
        <v>73</v>
      </c>
    </row>
    <row r="3151" spans="2:25" x14ac:dyDescent="0.2">
      <c r="C3151" t="s">
        <v>35</v>
      </c>
    </row>
    <row r="3152" spans="2:25" x14ac:dyDescent="0.2">
      <c r="B3152" s="74" t="s">
        <v>239</v>
      </c>
      <c r="C3152" s="75"/>
      <c r="D3152" s="75"/>
      <c r="E3152" s="75"/>
      <c r="F3152" s="75"/>
      <c r="G3152" s="75"/>
      <c r="H3152" s="75"/>
      <c r="I3152" s="75"/>
      <c r="J3152" s="75"/>
      <c r="K3152" s="75"/>
      <c r="L3152" s="75"/>
      <c r="M3152" s="75"/>
      <c r="N3152" s="75"/>
      <c r="O3152" s="75"/>
      <c r="P3152" s="75"/>
      <c r="Q3152" s="75"/>
      <c r="R3152" s="75"/>
      <c r="S3152" s="75"/>
      <c r="T3152" s="75"/>
      <c r="U3152" s="75"/>
      <c r="V3152" s="75"/>
      <c r="W3152" s="75"/>
      <c r="X3152" s="75"/>
      <c r="Y3152" s="75"/>
    </row>
    <row r="3153" spans="1:12" s="32" customFormat="1" ht="58.05" customHeight="1" x14ac:dyDescent="0.15">
      <c r="A3153" s="31"/>
      <c r="D3153" s="33" t="s">
        <v>242</v>
      </c>
      <c r="E3153" s="35" t="s">
        <v>458</v>
      </c>
      <c r="F3153" s="36" t="s">
        <v>459</v>
      </c>
      <c r="G3153" s="36" t="s">
        <v>460</v>
      </c>
      <c r="H3153" s="36" t="s">
        <v>461</v>
      </c>
      <c r="I3153" s="36" t="s">
        <v>462</v>
      </c>
      <c r="J3153" s="36" t="s">
        <v>463</v>
      </c>
      <c r="K3153" s="37" t="s">
        <v>276</v>
      </c>
      <c r="L3153" s="34" t="s">
        <v>251</v>
      </c>
    </row>
    <row r="3154" spans="1:12" ht="21.6" x14ac:dyDescent="0.2">
      <c r="B3154" s="76" t="s">
        <v>37</v>
      </c>
      <c r="C3154" s="38" t="s">
        <v>58</v>
      </c>
      <c r="D3154" s="51">
        <v>609</v>
      </c>
      <c r="E3154" s="52">
        <v>31.9</v>
      </c>
      <c r="F3154" s="52">
        <v>3.8</v>
      </c>
      <c r="G3154" s="52">
        <v>12.3</v>
      </c>
      <c r="H3154" s="52">
        <v>4.8</v>
      </c>
      <c r="I3154" s="52">
        <v>1.5</v>
      </c>
      <c r="J3154" s="52">
        <v>50.4</v>
      </c>
      <c r="K3154" s="53">
        <v>6.7</v>
      </c>
    </row>
    <row r="3155" spans="1:12" ht="21.6" x14ac:dyDescent="0.2">
      <c r="B3155" s="76"/>
      <c r="C3155" s="39" t="s">
        <v>59</v>
      </c>
      <c r="D3155" s="45">
        <v>1391</v>
      </c>
      <c r="E3155" s="46">
        <v>28.1</v>
      </c>
      <c r="F3155" s="46">
        <v>3.5</v>
      </c>
      <c r="G3155" s="46">
        <v>8.4</v>
      </c>
      <c r="H3155" s="46">
        <v>3.8</v>
      </c>
      <c r="I3155" s="46">
        <v>1.7</v>
      </c>
      <c r="J3155" s="46">
        <v>55.8</v>
      </c>
      <c r="K3155" s="47">
        <v>6.9</v>
      </c>
    </row>
    <row r="3156" spans="1:12" x14ac:dyDescent="0.2">
      <c r="B3156" s="76"/>
      <c r="C3156" s="39" t="s">
        <v>60</v>
      </c>
      <c r="D3156" s="45">
        <v>1325</v>
      </c>
      <c r="E3156" s="46">
        <v>29.2</v>
      </c>
      <c r="F3156" s="46">
        <v>3.3</v>
      </c>
      <c r="G3156" s="46">
        <v>10.1</v>
      </c>
      <c r="H3156" s="46">
        <v>4.4000000000000004</v>
      </c>
      <c r="I3156" s="46">
        <v>1.7</v>
      </c>
      <c r="J3156" s="46">
        <v>53.6</v>
      </c>
      <c r="K3156" s="47">
        <v>6.7</v>
      </c>
    </row>
    <row r="3157" spans="1:12" x14ac:dyDescent="0.2">
      <c r="B3157" s="76"/>
      <c r="C3157" s="39" t="s">
        <v>61</v>
      </c>
      <c r="D3157" s="45">
        <v>675</v>
      </c>
      <c r="E3157" s="46">
        <v>29.3</v>
      </c>
      <c r="F3157" s="46">
        <v>4</v>
      </c>
      <c r="G3157" s="46">
        <v>8.6</v>
      </c>
      <c r="H3157" s="46">
        <v>3.6</v>
      </c>
      <c r="I3157" s="46">
        <v>1.5</v>
      </c>
      <c r="J3157" s="46">
        <v>55.3</v>
      </c>
      <c r="K3157" s="47">
        <v>7.1</v>
      </c>
    </row>
    <row r="3158" spans="1:12" x14ac:dyDescent="0.2">
      <c r="B3158" s="76"/>
      <c r="C3158" s="39" t="s">
        <v>62</v>
      </c>
      <c r="D3158" s="45">
        <v>1086</v>
      </c>
      <c r="E3158" s="46">
        <v>32.6</v>
      </c>
      <c r="F3158" s="46">
        <v>3</v>
      </c>
      <c r="G3158" s="46">
        <v>10.8</v>
      </c>
      <c r="H3158" s="46">
        <v>4.4000000000000004</v>
      </c>
      <c r="I3158" s="46">
        <v>1.2</v>
      </c>
      <c r="J3158" s="46">
        <v>51.2</v>
      </c>
      <c r="K3158" s="47">
        <v>7.2</v>
      </c>
    </row>
    <row r="3159" spans="1:12" ht="21.6" x14ac:dyDescent="0.2">
      <c r="B3159" s="76"/>
      <c r="C3159" s="39" t="s">
        <v>63</v>
      </c>
      <c r="D3159" s="45">
        <v>203</v>
      </c>
      <c r="E3159" s="46">
        <v>17.2</v>
      </c>
      <c r="F3159" s="46">
        <v>3.4</v>
      </c>
      <c r="G3159" s="46">
        <v>10.3</v>
      </c>
      <c r="H3159" s="46">
        <v>3.9</v>
      </c>
      <c r="I3159" s="46">
        <v>2</v>
      </c>
      <c r="J3159" s="46">
        <v>53.7</v>
      </c>
      <c r="K3159" s="47">
        <v>15.8</v>
      </c>
    </row>
    <row r="3160" spans="1:12" x14ac:dyDescent="0.2">
      <c r="B3160" s="76"/>
      <c r="C3160" s="39" t="s">
        <v>64</v>
      </c>
      <c r="D3160" s="45">
        <v>263</v>
      </c>
      <c r="E3160" s="46">
        <v>36.9</v>
      </c>
      <c r="F3160" s="46">
        <v>1.5</v>
      </c>
      <c r="G3160" s="46">
        <v>13.3</v>
      </c>
      <c r="H3160" s="46">
        <v>4.5999999999999996</v>
      </c>
      <c r="I3160" s="46">
        <v>0.4</v>
      </c>
      <c r="J3160" s="46">
        <v>47.5</v>
      </c>
      <c r="K3160" s="47">
        <v>6.1</v>
      </c>
    </row>
    <row r="3161" spans="1:12" x14ac:dyDescent="0.2">
      <c r="B3161" s="76"/>
      <c r="C3161" s="39" t="s">
        <v>65</v>
      </c>
      <c r="D3161" s="45">
        <v>312</v>
      </c>
      <c r="E3161" s="46">
        <v>39.700000000000003</v>
      </c>
      <c r="F3161" s="46">
        <v>2.6</v>
      </c>
      <c r="G3161" s="46">
        <v>10.3</v>
      </c>
      <c r="H3161" s="46">
        <v>4.2</v>
      </c>
      <c r="I3161" s="46">
        <v>1.3</v>
      </c>
      <c r="J3161" s="46">
        <v>45.8</v>
      </c>
      <c r="K3161" s="47">
        <v>6.1</v>
      </c>
    </row>
    <row r="3162" spans="1:12" x14ac:dyDescent="0.2">
      <c r="B3162" s="76"/>
      <c r="C3162" s="39" t="s">
        <v>66</v>
      </c>
      <c r="D3162" s="45">
        <v>230</v>
      </c>
      <c r="E3162" s="46">
        <v>35.700000000000003</v>
      </c>
      <c r="F3162" s="46">
        <v>6.1</v>
      </c>
      <c r="G3162" s="46">
        <v>9.6</v>
      </c>
      <c r="H3162" s="46">
        <v>5.2</v>
      </c>
      <c r="I3162" s="46">
        <v>0.9</v>
      </c>
      <c r="J3162" s="46">
        <v>54.8</v>
      </c>
      <c r="K3162" s="47">
        <v>4.3</v>
      </c>
    </row>
    <row r="3163" spans="1:12" x14ac:dyDescent="0.2">
      <c r="B3163" s="76"/>
      <c r="C3163" s="39" t="s">
        <v>67</v>
      </c>
      <c r="D3163" s="45">
        <v>78</v>
      </c>
      <c r="E3163" s="46">
        <v>20.5</v>
      </c>
      <c r="F3163" s="46">
        <v>0</v>
      </c>
      <c r="G3163" s="46">
        <v>9</v>
      </c>
      <c r="H3163" s="46">
        <v>3.8</v>
      </c>
      <c r="I3163" s="46">
        <v>2.6</v>
      </c>
      <c r="J3163" s="46">
        <v>67.900000000000006</v>
      </c>
      <c r="K3163" s="47">
        <v>1.3</v>
      </c>
    </row>
    <row r="3164" spans="1:12" x14ac:dyDescent="0.2">
      <c r="B3164" s="76"/>
      <c r="C3164" s="39" t="s">
        <v>68</v>
      </c>
      <c r="D3164" s="45">
        <v>897</v>
      </c>
      <c r="E3164" s="46">
        <v>37.200000000000003</v>
      </c>
      <c r="F3164" s="46">
        <v>3.3</v>
      </c>
      <c r="G3164" s="46">
        <v>11.4</v>
      </c>
      <c r="H3164" s="46">
        <v>3.8</v>
      </c>
      <c r="I3164" s="46">
        <v>1</v>
      </c>
      <c r="J3164" s="46">
        <v>48.4</v>
      </c>
      <c r="K3164" s="47">
        <v>6.4</v>
      </c>
    </row>
    <row r="3165" spans="1:12" x14ac:dyDescent="0.2">
      <c r="B3165" s="76"/>
      <c r="C3165" s="39" t="s">
        <v>69</v>
      </c>
      <c r="D3165" s="45">
        <v>189</v>
      </c>
      <c r="E3165" s="46">
        <v>10.6</v>
      </c>
      <c r="F3165" s="46">
        <v>1.6</v>
      </c>
      <c r="G3165" s="46">
        <v>7.9</v>
      </c>
      <c r="H3165" s="46">
        <v>7.4</v>
      </c>
      <c r="I3165" s="46">
        <v>2.1</v>
      </c>
      <c r="J3165" s="46">
        <v>64.599999999999994</v>
      </c>
      <c r="K3165" s="47">
        <v>11.1</v>
      </c>
    </row>
    <row r="3166" spans="1:12" x14ac:dyDescent="0.2">
      <c r="B3166" s="76"/>
      <c r="C3166" s="39" t="s">
        <v>70</v>
      </c>
      <c r="D3166" s="45">
        <v>914</v>
      </c>
      <c r="E3166" s="46">
        <v>25.3</v>
      </c>
      <c r="F3166" s="46">
        <v>4.2</v>
      </c>
      <c r="G3166" s="46">
        <v>8.1999999999999993</v>
      </c>
      <c r="H3166" s="46">
        <v>3.7</v>
      </c>
      <c r="I3166" s="46">
        <v>2.2000000000000002</v>
      </c>
      <c r="J3166" s="46">
        <v>57.7</v>
      </c>
      <c r="K3166" s="47">
        <v>6.5</v>
      </c>
    </row>
    <row r="3167" spans="1:12" ht="21.6" x14ac:dyDescent="0.2">
      <c r="B3167" s="76"/>
      <c r="C3167" s="39" t="s">
        <v>63</v>
      </c>
      <c r="D3167" s="45">
        <v>193</v>
      </c>
      <c r="E3167" s="46">
        <v>15</v>
      </c>
      <c r="F3167" s="46">
        <v>8.3000000000000007</v>
      </c>
      <c r="G3167" s="46">
        <v>9.8000000000000007</v>
      </c>
      <c r="H3167" s="46">
        <v>4.7</v>
      </c>
      <c r="I3167" s="46">
        <v>2.6</v>
      </c>
      <c r="J3167" s="46">
        <v>51.8</v>
      </c>
      <c r="K3167" s="47">
        <v>16.600000000000001</v>
      </c>
    </row>
    <row r="3168" spans="1:12" x14ac:dyDescent="0.2">
      <c r="B3168" s="76"/>
      <c r="C3168" s="39" t="s">
        <v>64</v>
      </c>
      <c r="D3168" s="45">
        <v>203</v>
      </c>
      <c r="E3168" s="46">
        <v>22.2</v>
      </c>
      <c r="F3168" s="46">
        <v>4.4000000000000004</v>
      </c>
      <c r="G3168" s="46">
        <v>8.9</v>
      </c>
      <c r="H3168" s="46">
        <v>5.4</v>
      </c>
      <c r="I3168" s="46">
        <v>1</v>
      </c>
      <c r="J3168" s="46">
        <v>58.6</v>
      </c>
      <c r="K3168" s="47">
        <v>4.9000000000000004</v>
      </c>
    </row>
    <row r="3169" spans="1:25" x14ac:dyDescent="0.2">
      <c r="B3169" s="76"/>
      <c r="C3169" s="39" t="s">
        <v>65</v>
      </c>
      <c r="D3169" s="45">
        <v>263</v>
      </c>
      <c r="E3169" s="46">
        <v>33.799999999999997</v>
      </c>
      <c r="F3169" s="46">
        <v>2.2999999999999998</v>
      </c>
      <c r="G3169" s="46">
        <v>9.1</v>
      </c>
      <c r="H3169" s="46">
        <v>2.2999999999999998</v>
      </c>
      <c r="I3169" s="46">
        <v>1.9</v>
      </c>
      <c r="J3169" s="46">
        <v>56.3</v>
      </c>
      <c r="K3169" s="47">
        <v>3.8</v>
      </c>
    </row>
    <row r="3170" spans="1:25" x14ac:dyDescent="0.2">
      <c r="B3170" s="76"/>
      <c r="C3170" s="39" t="s">
        <v>66</v>
      </c>
      <c r="D3170" s="45">
        <v>194</v>
      </c>
      <c r="E3170" s="46">
        <v>28.9</v>
      </c>
      <c r="F3170" s="46">
        <v>2.1</v>
      </c>
      <c r="G3170" s="46">
        <v>5.2</v>
      </c>
      <c r="H3170" s="46">
        <v>3.1</v>
      </c>
      <c r="I3170" s="46">
        <v>3.1</v>
      </c>
      <c r="J3170" s="46">
        <v>61.3</v>
      </c>
      <c r="K3170" s="47">
        <v>3.6</v>
      </c>
    </row>
    <row r="3171" spans="1:25" x14ac:dyDescent="0.2">
      <c r="B3171" s="76"/>
      <c r="C3171" s="39" t="s">
        <v>67</v>
      </c>
      <c r="D3171" s="45">
        <v>61</v>
      </c>
      <c r="E3171" s="46">
        <v>19.7</v>
      </c>
      <c r="F3171" s="46">
        <v>4.9000000000000004</v>
      </c>
      <c r="G3171" s="46">
        <v>6.6</v>
      </c>
      <c r="H3171" s="46">
        <v>3.3</v>
      </c>
      <c r="I3171" s="46">
        <v>3.3</v>
      </c>
      <c r="J3171" s="46">
        <v>67.2</v>
      </c>
      <c r="K3171" s="47">
        <v>0</v>
      </c>
    </row>
    <row r="3172" spans="1:25" x14ac:dyDescent="0.2">
      <c r="B3172" s="76"/>
      <c r="C3172" s="39" t="s">
        <v>68</v>
      </c>
      <c r="D3172" s="45">
        <v>416</v>
      </c>
      <c r="E3172" s="46">
        <v>22.6</v>
      </c>
      <c r="F3172" s="46">
        <v>4.3</v>
      </c>
      <c r="G3172" s="46">
        <v>8.4</v>
      </c>
      <c r="H3172" s="46">
        <v>3.4</v>
      </c>
      <c r="I3172" s="46">
        <v>1.7</v>
      </c>
      <c r="J3172" s="46">
        <v>60.8</v>
      </c>
      <c r="K3172" s="47">
        <v>6.3</v>
      </c>
    </row>
    <row r="3173" spans="1:25" x14ac:dyDescent="0.2">
      <c r="B3173" s="76"/>
      <c r="C3173" s="40" t="s">
        <v>69</v>
      </c>
      <c r="D3173" s="48">
        <v>498</v>
      </c>
      <c r="E3173" s="49">
        <v>27.5</v>
      </c>
      <c r="F3173" s="49">
        <v>4</v>
      </c>
      <c r="G3173" s="49">
        <v>8</v>
      </c>
      <c r="H3173" s="49">
        <v>4</v>
      </c>
      <c r="I3173" s="49">
        <v>2.6</v>
      </c>
      <c r="J3173" s="49">
        <v>55</v>
      </c>
      <c r="K3173" s="50">
        <v>6.6</v>
      </c>
    </row>
    <row r="3174" spans="1:25" x14ac:dyDescent="0.2">
      <c r="B3174" s="7" t="s">
        <v>71</v>
      </c>
      <c r="C3174" s="4" t="s">
        <v>172</v>
      </c>
    </row>
    <row r="3175" spans="1:25" x14ac:dyDescent="0.2">
      <c r="B3175" s="4"/>
      <c r="C3175" s="4" t="s">
        <v>73</v>
      </c>
    </row>
    <row r="3177" spans="1:25" x14ac:dyDescent="0.2">
      <c r="A3177" s="26" t="s">
        <v>25</v>
      </c>
      <c r="B3177" t="s">
        <v>35</v>
      </c>
      <c r="C3177" t="s">
        <v>35</v>
      </c>
    </row>
    <row r="3178" spans="1:25" x14ac:dyDescent="0.2">
      <c r="B3178" s="74" t="s">
        <v>173</v>
      </c>
      <c r="C3178" s="75"/>
      <c r="D3178" s="75"/>
      <c r="E3178" s="75"/>
      <c r="F3178" s="75"/>
      <c r="G3178" s="75"/>
      <c r="H3178" s="75"/>
      <c r="I3178" s="75"/>
      <c r="J3178" s="75"/>
      <c r="K3178" s="75"/>
      <c r="L3178" s="75"/>
      <c r="M3178" s="75"/>
      <c r="N3178" s="75"/>
      <c r="O3178" s="75"/>
      <c r="P3178" s="75"/>
      <c r="Q3178" s="75"/>
      <c r="R3178" s="75"/>
      <c r="S3178" s="75"/>
      <c r="T3178" s="75"/>
      <c r="U3178" s="75"/>
      <c r="V3178" s="75"/>
      <c r="W3178" s="75"/>
      <c r="X3178" s="75"/>
      <c r="Y3178" s="75"/>
    </row>
    <row r="3179" spans="1:25" s="32" customFormat="1" ht="58.05" customHeight="1" x14ac:dyDescent="0.15">
      <c r="A3179" s="31"/>
      <c r="D3179" s="33" t="s">
        <v>242</v>
      </c>
      <c r="E3179" s="35" t="s">
        <v>464</v>
      </c>
      <c r="F3179" s="36" t="s">
        <v>463</v>
      </c>
      <c r="G3179" s="37" t="s">
        <v>276</v>
      </c>
      <c r="H3179" s="34" t="s">
        <v>251</v>
      </c>
    </row>
    <row r="3180" spans="1:25" x14ac:dyDescent="0.2">
      <c r="B3180" s="5"/>
      <c r="C3180" s="41" t="s">
        <v>38</v>
      </c>
      <c r="D3180" s="42">
        <v>2000</v>
      </c>
      <c r="E3180" s="43">
        <v>39</v>
      </c>
      <c r="F3180" s="43">
        <v>54.2</v>
      </c>
      <c r="G3180" s="44">
        <v>6.9</v>
      </c>
    </row>
    <row r="3181" spans="1:25" x14ac:dyDescent="0.2">
      <c r="B3181" s="76" t="s">
        <v>37</v>
      </c>
      <c r="C3181" s="39" t="s">
        <v>39</v>
      </c>
      <c r="D3181" s="45">
        <v>111</v>
      </c>
      <c r="E3181" s="46">
        <v>42.3</v>
      </c>
      <c r="F3181" s="46">
        <v>54.1</v>
      </c>
      <c r="G3181" s="47">
        <v>3.6</v>
      </c>
    </row>
    <row r="3182" spans="1:25" x14ac:dyDescent="0.2">
      <c r="B3182" s="76"/>
      <c r="C3182" s="39" t="s">
        <v>40</v>
      </c>
      <c r="D3182" s="45">
        <v>450</v>
      </c>
      <c r="E3182" s="46">
        <v>40.4</v>
      </c>
      <c r="F3182" s="46">
        <v>54.9</v>
      </c>
      <c r="G3182" s="47">
        <v>4.7</v>
      </c>
    </row>
    <row r="3183" spans="1:25" ht="21.6" x14ac:dyDescent="0.2">
      <c r="B3183" s="76"/>
      <c r="C3183" s="39" t="s">
        <v>41</v>
      </c>
      <c r="D3183" s="45">
        <v>30</v>
      </c>
      <c r="E3183" s="46">
        <v>30</v>
      </c>
      <c r="F3183" s="46">
        <v>60</v>
      </c>
      <c r="G3183" s="47">
        <v>10</v>
      </c>
    </row>
    <row r="3184" spans="1:25" ht="21.6" x14ac:dyDescent="0.2">
      <c r="B3184" s="76"/>
      <c r="C3184" s="39" t="s">
        <v>42</v>
      </c>
      <c r="D3184" s="45">
        <v>336</v>
      </c>
      <c r="E3184" s="46">
        <v>40.5</v>
      </c>
      <c r="F3184" s="46">
        <v>53.6</v>
      </c>
      <c r="G3184" s="47">
        <v>6</v>
      </c>
    </row>
    <row r="3185" spans="2:7" ht="21.6" x14ac:dyDescent="0.2">
      <c r="B3185" s="76"/>
      <c r="C3185" s="39" t="s">
        <v>43</v>
      </c>
      <c r="D3185" s="45">
        <v>327</v>
      </c>
      <c r="E3185" s="46">
        <v>39.799999999999997</v>
      </c>
      <c r="F3185" s="46">
        <v>50.5</v>
      </c>
      <c r="G3185" s="47">
        <v>9.8000000000000007</v>
      </c>
    </row>
    <row r="3186" spans="2:7" ht="21.6" x14ac:dyDescent="0.2">
      <c r="B3186" s="76"/>
      <c r="C3186" s="39" t="s">
        <v>44</v>
      </c>
      <c r="D3186" s="45">
        <v>181</v>
      </c>
      <c r="E3186" s="46">
        <v>42</v>
      </c>
      <c r="F3186" s="46">
        <v>53.6</v>
      </c>
      <c r="G3186" s="47">
        <v>4.4000000000000004</v>
      </c>
    </row>
    <row r="3187" spans="2:7" ht="21.6" x14ac:dyDescent="0.2">
      <c r="B3187" s="76"/>
      <c r="C3187" s="39" t="s">
        <v>45</v>
      </c>
      <c r="D3187" s="45">
        <v>565</v>
      </c>
      <c r="E3187" s="46">
        <v>35.4</v>
      </c>
      <c r="F3187" s="46">
        <v>55.9</v>
      </c>
      <c r="G3187" s="47">
        <v>8.6999999999999993</v>
      </c>
    </row>
    <row r="3188" spans="2:7" ht="21.6" x14ac:dyDescent="0.2">
      <c r="B3188" s="76"/>
      <c r="C3188" s="39" t="s">
        <v>46</v>
      </c>
      <c r="D3188" s="45">
        <v>473</v>
      </c>
      <c r="E3188" s="46">
        <v>26.4</v>
      </c>
      <c r="F3188" s="46">
        <v>66.2</v>
      </c>
      <c r="G3188" s="47">
        <v>7.4</v>
      </c>
    </row>
    <row r="3189" spans="2:7" ht="21.6" x14ac:dyDescent="0.2">
      <c r="B3189" s="76"/>
      <c r="C3189" s="39" t="s">
        <v>47</v>
      </c>
      <c r="D3189" s="45">
        <v>441</v>
      </c>
      <c r="E3189" s="46">
        <v>41.7</v>
      </c>
      <c r="F3189" s="46">
        <v>54.6</v>
      </c>
      <c r="G3189" s="47">
        <v>3.6</v>
      </c>
    </row>
    <row r="3190" spans="2:7" ht="21.6" x14ac:dyDescent="0.2">
      <c r="B3190" s="76"/>
      <c r="C3190" s="39" t="s">
        <v>48</v>
      </c>
      <c r="D3190" s="45">
        <v>305</v>
      </c>
      <c r="E3190" s="46">
        <v>47.5</v>
      </c>
      <c r="F3190" s="46">
        <v>49.8</v>
      </c>
      <c r="G3190" s="47">
        <v>2.6</v>
      </c>
    </row>
    <row r="3191" spans="2:7" ht="21.6" x14ac:dyDescent="0.2">
      <c r="B3191" s="76"/>
      <c r="C3191" s="39" t="s">
        <v>49</v>
      </c>
      <c r="D3191" s="45">
        <v>223</v>
      </c>
      <c r="E3191" s="46">
        <v>58.7</v>
      </c>
      <c r="F3191" s="46">
        <v>39</v>
      </c>
      <c r="G3191" s="47">
        <v>2.2000000000000002</v>
      </c>
    </row>
    <row r="3192" spans="2:7" ht="21.6" x14ac:dyDescent="0.2">
      <c r="B3192" s="76"/>
      <c r="C3192" s="39" t="s">
        <v>50</v>
      </c>
      <c r="D3192" s="45">
        <v>123</v>
      </c>
      <c r="E3192" s="46">
        <v>46.3</v>
      </c>
      <c r="F3192" s="46">
        <v>51.2</v>
      </c>
      <c r="G3192" s="47">
        <v>2.4</v>
      </c>
    </row>
    <row r="3193" spans="2:7" ht="21.6" x14ac:dyDescent="0.2">
      <c r="B3193" s="76"/>
      <c r="C3193" s="39" t="s">
        <v>51</v>
      </c>
      <c r="D3193" s="45">
        <v>124</v>
      </c>
      <c r="E3193" s="46">
        <v>49.2</v>
      </c>
      <c r="F3193" s="46">
        <v>49.2</v>
      </c>
      <c r="G3193" s="47">
        <v>1.6</v>
      </c>
    </row>
    <row r="3194" spans="2:7" ht="21.6" x14ac:dyDescent="0.2">
      <c r="B3194" s="76"/>
      <c r="C3194" s="39" t="s">
        <v>52</v>
      </c>
      <c r="D3194" s="45">
        <v>312</v>
      </c>
      <c r="E3194" s="46">
        <v>41.3</v>
      </c>
      <c r="F3194" s="46">
        <v>52.2</v>
      </c>
      <c r="G3194" s="47">
        <v>6.4</v>
      </c>
    </row>
    <row r="3195" spans="2:7" x14ac:dyDescent="0.2">
      <c r="B3195" s="76"/>
      <c r="C3195" s="39" t="s">
        <v>53</v>
      </c>
      <c r="D3195" s="45">
        <v>269</v>
      </c>
      <c r="E3195" s="46">
        <v>42</v>
      </c>
      <c r="F3195" s="46">
        <v>51.3</v>
      </c>
      <c r="G3195" s="47">
        <v>6.7</v>
      </c>
    </row>
    <row r="3196" spans="2:7" ht="21.6" x14ac:dyDescent="0.2">
      <c r="B3196" s="76"/>
      <c r="C3196" s="39" t="s">
        <v>54</v>
      </c>
      <c r="D3196" s="45">
        <v>511</v>
      </c>
      <c r="E3196" s="46">
        <v>39.1</v>
      </c>
      <c r="F3196" s="46">
        <v>55.4</v>
      </c>
      <c r="G3196" s="47">
        <v>5.5</v>
      </c>
    </row>
    <row r="3197" spans="2:7" ht="21.6" x14ac:dyDescent="0.2">
      <c r="B3197" s="76"/>
      <c r="C3197" s="39" t="s">
        <v>55</v>
      </c>
      <c r="D3197" s="45">
        <v>615</v>
      </c>
      <c r="E3197" s="46">
        <v>39.799999999999997</v>
      </c>
      <c r="F3197" s="46">
        <v>56.6</v>
      </c>
      <c r="G3197" s="47">
        <v>3.6</v>
      </c>
    </row>
    <row r="3198" spans="2:7" ht="21.6" x14ac:dyDescent="0.2">
      <c r="B3198" s="76"/>
      <c r="C3198" s="39" t="s">
        <v>56</v>
      </c>
      <c r="D3198" s="45">
        <v>800</v>
      </c>
      <c r="E3198" s="46">
        <v>42.3</v>
      </c>
      <c r="F3198" s="46">
        <v>51.9</v>
      </c>
      <c r="G3198" s="47">
        <v>5.9</v>
      </c>
    </row>
    <row r="3199" spans="2:7" x14ac:dyDescent="0.2">
      <c r="B3199" s="76"/>
      <c r="C3199" s="40" t="s">
        <v>57</v>
      </c>
      <c r="D3199" s="48">
        <v>798</v>
      </c>
      <c r="E3199" s="49">
        <v>39.700000000000003</v>
      </c>
      <c r="F3199" s="49">
        <v>55.6</v>
      </c>
      <c r="G3199" s="50">
        <v>4.5999999999999996</v>
      </c>
    </row>
    <row r="3201" spans="1:25" x14ac:dyDescent="0.2">
      <c r="C3201" t="s">
        <v>35</v>
      </c>
    </row>
    <row r="3202" spans="1:25" x14ac:dyDescent="0.2">
      <c r="B3202" s="74" t="s">
        <v>240</v>
      </c>
      <c r="C3202" s="75"/>
      <c r="D3202" s="75"/>
      <c r="E3202" s="75"/>
      <c r="F3202" s="75"/>
      <c r="G3202" s="75"/>
      <c r="H3202" s="75"/>
      <c r="I3202" s="75"/>
      <c r="J3202" s="75"/>
      <c r="K3202" s="75"/>
      <c r="L3202" s="75"/>
      <c r="M3202" s="75"/>
      <c r="N3202" s="75"/>
      <c r="O3202" s="75"/>
      <c r="P3202" s="75"/>
      <c r="Q3202" s="75"/>
      <c r="R3202" s="75"/>
      <c r="S3202" s="75"/>
      <c r="T3202" s="75"/>
      <c r="U3202" s="75"/>
      <c r="V3202" s="75"/>
      <c r="W3202" s="75"/>
      <c r="X3202" s="75"/>
      <c r="Y3202" s="75"/>
    </row>
    <row r="3203" spans="1:25" s="32" customFormat="1" ht="58.05" customHeight="1" x14ac:dyDescent="0.15">
      <c r="A3203" s="31"/>
      <c r="D3203" s="33" t="s">
        <v>242</v>
      </c>
      <c r="E3203" s="35" t="s">
        <v>464</v>
      </c>
      <c r="F3203" s="36" t="s">
        <v>463</v>
      </c>
      <c r="G3203" s="37" t="s">
        <v>276</v>
      </c>
      <c r="H3203" s="34" t="s">
        <v>251</v>
      </c>
    </row>
    <row r="3204" spans="1:25" ht="21.6" x14ac:dyDescent="0.2">
      <c r="B3204" s="76" t="s">
        <v>37</v>
      </c>
      <c r="C3204" s="38" t="s">
        <v>58</v>
      </c>
      <c r="D3204" s="51">
        <v>609</v>
      </c>
      <c r="E3204" s="52">
        <v>42.9</v>
      </c>
      <c r="F3204" s="52">
        <v>50.4</v>
      </c>
      <c r="G3204" s="53">
        <v>6.7</v>
      </c>
    </row>
    <row r="3205" spans="1:25" ht="21.6" x14ac:dyDescent="0.2">
      <c r="B3205" s="76"/>
      <c r="C3205" s="39" t="s">
        <v>59</v>
      </c>
      <c r="D3205" s="45">
        <v>1391</v>
      </c>
      <c r="E3205" s="46">
        <v>37.299999999999997</v>
      </c>
      <c r="F3205" s="46">
        <v>55.8</v>
      </c>
      <c r="G3205" s="47">
        <v>6.9</v>
      </c>
    </row>
    <row r="3206" spans="1:25" x14ac:dyDescent="0.2">
      <c r="B3206" s="76"/>
      <c r="C3206" s="39" t="s">
        <v>60</v>
      </c>
      <c r="D3206" s="45">
        <v>1325</v>
      </c>
      <c r="E3206" s="46">
        <v>39.700000000000003</v>
      </c>
      <c r="F3206" s="46">
        <v>53.6</v>
      </c>
      <c r="G3206" s="47">
        <v>6.7</v>
      </c>
    </row>
    <row r="3207" spans="1:25" x14ac:dyDescent="0.2">
      <c r="B3207" s="76"/>
      <c r="C3207" s="39" t="s">
        <v>61</v>
      </c>
      <c r="D3207" s="45">
        <v>675</v>
      </c>
      <c r="E3207" s="46">
        <v>37.6</v>
      </c>
      <c r="F3207" s="46">
        <v>55.3</v>
      </c>
      <c r="G3207" s="47">
        <v>7.1</v>
      </c>
    </row>
    <row r="3208" spans="1:25" x14ac:dyDescent="0.2">
      <c r="B3208" s="76"/>
      <c r="C3208" s="39" t="s">
        <v>62</v>
      </c>
      <c r="D3208" s="45">
        <v>1086</v>
      </c>
      <c r="E3208" s="46">
        <v>41.6</v>
      </c>
      <c r="F3208" s="46">
        <v>51.2</v>
      </c>
      <c r="G3208" s="47">
        <v>7.2</v>
      </c>
    </row>
    <row r="3209" spans="1:25" ht="21.6" x14ac:dyDescent="0.2">
      <c r="B3209" s="76"/>
      <c r="C3209" s="39" t="s">
        <v>63</v>
      </c>
      <c r="D3209" s="45">
        <v>203</v>
      </c>
      <c r="E3209" s="46">
        <v>30.5</v>
      </c>
      <c r="F3209" s="46">
        <v>53.7</v>
      </c>
      <c r="G3209" s="47">
        <v>15.8</v>
      </c>
    </row>
    <row r="3210" spans="1:25" x14ac:dyDescent="0.2">
      <c r="B3210" s="76"/>
      <c r="C3210" s="39" t="s">
        <v>64</v>
      </c>
      <c r="D3210" s="45">
        <v>263</v>
      </c>
      <c r="E3210" s="46">
        <v>46.4</v>
      </c>
      <c r="F3210" s="46">
        <v>47.5</v>
      </c>
      <c r="G3210" s="47">
        <v>6.1</v>
      </c>
    </row>
    <row r="3211" spans="1:25" x14ac:dyDescent="0.2">
      <c r="B3211" s="76"/>
      <c r="C3211" s="39" t="s">
        <v>65</v>
      </c>
      <c r="D3211" s="45">
        <v>312</v>
      </c>
      <c r="E3211" s="46">
        <v>48.1</v>
      </c>
      <c r="F3211" s="46">
        <v>45.8</v>
      </c>
      <c r="G3211" s="47">
        <v>6.1</v>
      </c>
    </row>
    <row r="3212" spans="1:25" x14ac:dyDescent="0.2">
      <c r="B3212" s="76"/>
      <c r="C3212" s="39" t="s">
        <v>66</v>
      </c>
      <c r="D3212" s="45">
        <v>230</v>
      </c>
      <c r="E3212" s="46">
        <v>40.9</v>
      </c>
      <c r="F3212" s="46">
        <v>54.8</v>
      </c>
      <c r="G3212" s="47">
        <v>4.3</v>
      </c>
    </row>
    <row r="3213" spans="1:25" x14ac:dyDescent="0.2">
      <c r="B3213" s="76"/>
      <c r="C3213" s="39" t="s">
        <v>67</v>
      </c>
      <c r="D3213" s="45">
        <v>78</v>
      </c>
      <c r="E3213" s="46">
        <v>30.8</v>
      </c>
      <c r="F3213" s="46">
        <v>67.900000000000006</v>
      </c>
      <c r="G3213" s="47">
        <v>1.3</v>
      </c>
    </row>
    <row r="3214" spans="1:25" x14ac:dyDescent="0.2">
      <c r="B3214" s="76"/>
      <c r="C3214" s="39" t="s">
        <v>68</v>
      </c>
      <c r="D3214" s="45">
        <v>897</v>
      </c>
      <c r="E3214" s="46">
        <v>45.3</v>
      </c>
      <c r="F3214" s="46">
        <v>48.4</v>
      </c>
      <c r="G3214" s="47">
        <v>6.4</v>
      </c>
    </row>
    <row r="3215" spans="1:25" x14ac:dyDescent="0.2">
      <c r="B3215" s="76"/>
      <c r="C3215" s="39" t="s">
        <v>69</v>
      </c>
      <c r="D3215" s="45">
        <v>189</v>
      </c>
      <c r="E3215" s="46">
        <v>24.3</v>
      </c>
      <c r="F3215" s="46">
        <v>64.599999999999994</v>
      </c>
      <c r="G3215" s="47">
        <v>11.1</v>
      </c>
    </row>
    <row r="3216" spans="1:25" x14ac:dyDescent="0.2">
      <c r="B3216" s="76"/>
      <c r="C3216" s="39" t="s">
        <v>70</v>
      </c>
      <c r="D3216" s="45">
        <v>914</v>
      </c>
      <c r="E3216" s="46">
        <v>35.9</v>
      </c>
      <c r="F3216" s="46">
        <v>57.7</v>
      </c>
      <c r="G3216" s="47">
        <v>6.5</v>
      </c>
    </row>
    <row r="3217" spans="1:25" ht="21.6" x14ac:dyDescent="0.2">
      <c r="B3217" s="76"/>
      <c r="C3217" s="39" t="s">
        <v>63</v>
      </c>
      <c r="D3217" s="45">
        <v>193</v>
      </c>
      <c r="E3217" s="46">
        <v>31.6</v>
      </c>
      <c r="F3217" s="46">
        <v>51.8</v>
      </c>
      <c r="G3217" s="47">
        <v>16.600000000000001</v>
      </c>
    </row>
    <row r="3218" spans="1:25" x14ac:dyDescent="0.2">
      <c r="B3218" s="76"/>
      <c r="C3218" s="39" t="s">
        <v>64</v>
      </c>
      <c r="D3218" s="45">
        <v>203</v>
      </c>
      <c r="E3218" s="46">
        <v>36.5</v>
      </c>
      <c r="F3218" s="46">
        <v>58.6</v>
      </c>
      <c r="G3218" s="47">
        <v>4.9000000000000004</v>
      </c>
    </row>
    <row r="3219" spans="1:25" x14ac:dyDescent="0.2">
      <c r="B3219" s="76"/>
      <c r="C3219" s="39" t="s">
        <v>65</v>
      </c>
      <c r="D3219" s="45">
        <v>263</v>
      </c>
      <c r="E3219" s="46">
        <v>39.9</v>
      </c>
      <c r="F3219" s="46">
        <v>56.3</v>
      </c>
      <c r="G3219" s="47">
        <v>3.8</v>
      </c>
    </row>
    <row r="3220" spans="1:25" x14ac:dyDescent="0.2">
      <c r="B3220" s="76"/>
      <c r="C3220" s="39" t="s">
        <v>66</v>
      </c>
      <c r="D3220" s="45">
        <v>194</v>
      </c>
      <c r="E3220" s="46">
        <v>35.1</v>
      </c>
      <c r="F3220" s="46">
        <v>61.3</v>
      </c>
      <c r="G3220" s="47">
        <v>3.6</v>
      </c>
    </row>
    <row r="3221" spans="1:25" x14ac:dyDescent="0.2">
      <c r="B3221" s="76"/>
      <c r="C3221" s="39" t="s">
        <v>67</v>
      </c>
      <c r="D3221" s="45">
        <v>61</v>
      </c>
      <c r="E3221" s="46">
        <v>32.799999999999997</v>
      </c>
      <c r="F3221" s="46">
        <v>67.2</v>
      </c>
      <c r="G3221" s="47">
        <v>0</v>
      </c>
    </row>
    <row r="3222" spans="1:25" x14ac:dyDescent="0.2">
      <c r="B3222" s="76"/>
      <c r="C3222" s="39" t="s">
        <v>68</v>
      </c>
      <c r="D3222" s="45">
        <v>416</v>
      </c>
      <c r="E3222" s="46">
        <v>32.9</v>
      </c>
      <c r="F3222" s="46">
        <v>60.8</v>
      </c>
      <c r="G3222" s="47">
        <v>6.3</v>
      </c>
    </row>
    <row r="3223" spans="1:25" x14ac:dyDescent="0.2">
      <c r="B3223" s="76"/>
      <c r="C3223" s="40" t="s">
        <v>69</v>
      </c>
      <c r="D3223" s="48">
        <v>498</v>
      </c>
      <c r="E3223" s="49">
        <v>38.4</v>
      </c>
      <c r="F3223" s="49">
        <v>55</v>
      </c>
      <c r="G3223" s="50">
        <v>6.6</v>
      </c>
    </row>
    <row r="3225" spans="1:25" x14ac:dyDescent="0.2">
      <c r="A3225" s="26" t="s">
        <v>25</v>
      </c>
      <c r="B3225" t="s">
        <v>35</v>
      </c>
      <c r="C3225" t="s">
        <v>35</v>
      </c>
    </row>
    <row r="3226" spans="1:25" x14ac:dyDescent="0.2">
      <c r="B3226" s="74" t="s">
        <v>174</v>
      </c>
      <c r="C3226" s="75"/>
      <c r="D3226" s="75"/>
      <c r="E3226" s="75"/>
      <c r="F3226" s="75"/>
      <c r="G3226" s="75"/>
      <c r="H3226" s="75"/>
      <c r="I3226" s="75"/>
      <c r="J3226" s="75"/>
      <c r="K3226" s="75"/>
      <c r="L3226" s="75"/>
      <c r="M3226" s="75"/>
      <c r="N3226" s="75"/>
      <c r="O3226" s="75"/>
      <c r="P3226" s="75"/>
      <c r="Q3226" s="75"/>
      <c r="R3226" s="75"/>
      <c r="S3226" s="75"/>
      <c r="T3226" s="75"/>
      <c r="U3226" s="75"/>
      <c r="V3226" s="75"/>
      <c r="W3226" s="75"/>
      <c r="X3226" s="75"/>
      <c r="Y3226" s="75"/>
    </row>
    <row r="3227" spans="1:25" s="32" customFormat="1" ht="36.450000000000003" customHeight="1" x14ac:dyDescent="0.15">
      <c r="A3227" s="31"/>
      <c r="D3227" s="33" t="s">
        <v>242</v>
      </c>
      <c r="E3227" s="35" t="s">
        <v>465</v>
      </c>
      <c r="F3227" s="36" t="s">
        <v>466</v>
      </c>
      <c r="G3227" s="37" t="s">
        <v>276</v>
      </c>
      <c r="H3227" s="34" t="s">
        <v>251</v>
      </c>
    </row>
    <row r="3228" spans="1:25" x14ac:dyDescent="0.2">
      <c r="B3228" s="5"/>
      <c r="C3228" s="41" t="s">
        <v>38</v>
      </c>
      <c r="D3228" s="42">
        <v>2000</v>
      </c>
      <c r="E3228" s="43">
        <v>19.399999999999999</v>
      </c>
      <c r="F3228" s="43">
        <v>37.6</v>
      </c>
      <c r="G3228" s="44">
        <v>43.1</v>
      </c>
    </row>
    <row r="3229" spans="1:25" x14ac:dyDescent="0.2">
      <c r="B3229" s="76" t="s">
        <v>37</v>
      </c>
      <c r="C3229" s="39" t="s">
        <v>39</v>
      </c>
      <c r="D3229" s="45">
        <v>111</v>
      </c>
      <c r="E3229" s="46">
        <v>22.5</v>
      </c>
      <c r="F3229" s="46">
        <v>38.700000000000003</v>
      </c>
      <c r="G3229" s="47">
        <v>38.700000000000003</v>
      </c>
    </row>
    <row r="3230" spans="1:25" x14ac:dyDescent="0.2">
      <c r="B3230" s="76"/>
      <c r="C3230" s="39" t="s">
        <v>40</v>
      </c>
      <c r="D3230" s="45">
        <v>450</v>
      </c>
      <c r="E3230" s="46">
        <v>21.3</v>
      </c>
      <c r="F3230" s="46">
        <v>39.799999999999997</v>
      </c>
      <c r="G3230" s="47">
        <v>38.9</v>
      </c>
    </row>
    <row r="3231" spans="1:25" ht="21.6" x14ac:dyDescent="0.2">
      <c r="B3231" s="76"/>
      <c r="C3231" s="39" t="s">
        <v>41</v>
      </c>
      <c r="D3231" s="45">
        <v>30</v>
      </c>
      <c r="E3231" s="46">
        <v>26.7</v>
      </c>
      <c r="F3231" s="46">
        <v>30</v>
      </c>
      <c r="G3231" s="47">
        <v>43.3</v>
      </c>
    </row>
    <row r="3232" spans="1:25" ht="21.6" x14ac:dyDescent="0.2">
      <c r="B3232" s="76"/>
      <c r="C3232" s="39" t="s">
        <v>42</v>
      </c>
      <c r="D3232" s="45">
        <v>336</v>
      </c>
      <c r="E3232" s="46">
        <v>20.5</v>
      </c>
      <c r="F3232" s="46">
        <v>37.200000000000003</v>
      </c>
      <c r="G3232" s="47">
        <v>42.3</v>
      </c>
    </row>
    <row r="3233" spans="2:7" ht="21.6" x14ac:dyDescent="0.2">
      <c r="B3233" s="76"/>
      <c r="C3233" s="39" t="s">
        <v>43</v>
      </c>
      <c r="D3233" s="45">
        <v>327</v>
      </c>
      <c r="E3233" s="46">
        <v>17.7</v>
      </c>
      <c r="F3233" s="46">
        <v>35.5</v>
      </c>
      <c r="G3233" s="47">
        <v>46.8</v>
      </c>
    </row>
    <row r="3234" spans="2:7" ht="21.6" x14ac:dyDescent="0.2">
      <c r="B3234" s="76"/>
      <c r="C3234" s="39" t="s">
        <v>44</v>
      </c>
      <c r="D3234" s="45">
        <v>181</v>
      </c>
      <c r="E3234" s="46">
        <v>19.899999999999999</v>
      </c>
      <c r="F3234" s="46">
        <v>38.700000000000003</v>
      </c>
      <c r="G3234" s="47">
        <v>41.4</v>
      </c>
    </row>
    <row r="3235" spans="2:7" ht="21.6" x14ac:dyDescent="0.2">
      <c r="B3235" s="76"/>
      <c r="C3235" s="39" t="s">
        <v>45</v>
      </c>
      <c r="D3235" s="45">
        <v>565</v>
      </c>
      <c r="E3235" s="46">
        <v>16.8</v>
      </c>
      <c r="F3235" s="46">
        <v>37</v>
      </c>
      <c r="G3235" s="47">
        <v>46.2</v>
      </c>
    </row>
    <row r="3236" spans="2:7" ht="21.6" x14ac:dyDescent="0.2">
      <c r="B3236" s="76"/>
      <c r="C3236" s="39" t="s">
        <v>46</v>
      </c>
      <c r="D3236" s="45">
        <v>473</v>
      </c>
      <c r="E3236" s="46">
        <v>12.9</v>
      </c>
      <c r="F3236" s="46">
        <v>38.9</v>
      </c>
      <c r="G3236" s="47">
        <v>48.2</v>
      </c>
    </row>
    <row r="3237" spans="2:7" ht="21.6" x14ac:dyDescent="0.2">
      <c r="B3237" s="76"/>
      <c r="C3237" s="39" t="s">
        <v>47</v>
      </c>
      <c r="D3237" s="45">
        <v>441</v>
      </c>
      <c r="E3237" s="46">
        <v>22.9</v>
      </c>
      <c r="F3237" s="46">
        <v>35.799999999999997</v>
      </c>
      <c r="G3237" s="47">
        <v>41.3</v>
      </c>
    </row>
    <row r="3238" spans="2:7" ht="21.6" x14ac:dyDescent="0.2">
      <c r="B3238" s="76"/>
      <c r="C3238" s="39" t="s">
        <v>48</v>
      </c>
      <c r="D3238" s="45">
        <v>305</v>
      </c>
      <c r="E3238" s="46">
        <v>25.6</v>
      </c>
      <c r="F3238" s="46">
        <v>36.700000000000003</v>
      </c>
      <c r="G3238" s="47">
        <v>37.700000000000003</v>
      </c>
    </row>
    <row r="3239" spans="2:7" ht="21.6" x14ac:dyDescent="0.2">
      <c r="B3239" s="76"/>
      <c r="C3239" s="39" t="s">
        <v>49</v>
      </c>
      <c r="D3239" s="45">
        <v>223</v>
      </c>
      <c r="E3239" s="46">
        <v>20.2</v>
      </c>
      <c r="F3239" s="46">
        <v>42.6</v>
      </c>
      <c r="G3239" s="47">
        <v>37.200000000000003</v>
      </c>
    </row>
    <row r="3240" spans="2:7" ht="21.6" x14ac:dyDescent="0.2">
      <c r="B3240" s="76"/>
      <c r="C3240" s="39" t="s">
        <v>50</v>
      </c>
      <c r="D3240" s="45">
        <v>123</v>
      </c>
      <c r="E3240" s="46">
        <v>27.6</v>
      </c>
      <c r="F3240" s="46">
        <v>36.6</v>
      </c>
      <c r="G3240" s="47">
        <v>35.799999999999997</v>
      </c>
    </row>
    <row r="3241" spans="2:7" ht="21.6" x14ac:dyDescent="0.2">
      <c r="B3241" s="76"/>
      <c r="C3241" s="39" t="s">
        <v>51</v>
      </c>
      <c r="D3241" s="45">
        <v>124</v>
      </c>
      <c r="E3241" s="46">
        <v>22.6</v>
      </c>
      <c r="F3241" s="46">
        <v>40.299999999999997</v>
      </c>
      <c r="G3241" s="47">
        <v>37.1</v>
      </c>
    </row>
    <row r="3242" spans="2:7" ht="21.6" x14ac:dyDescent="0.2">
      <c r="B3242" s="76"/>
      <c r="C3242" s="39" t="s">
        <v>52</v>
      </c>
      <c r="D3242" s="45">
        <v>312</v>
      </c>
      <c r="E3242" s="46">
        <v>18.899999999999999</v>
      </c>
      <c r="F3242" s="46">
        <v>41.7</v>
      </c>
      <c r="G3242" s="47">
        <v>39.4</v>
      </c>
    </row>
    <row r="3243" spans="2:7" x14ac:dyDescent="0.2">
      <c r="B3243" s="76"/>
      <c r="C3243" s="39" t="s">
        <v>53</v>
      </c>
      <c r="D3243" s="45">
        <v>269</v>
      </c>
      <c r="E3243" s="46">
        <v>19.7</v>
      </c>
      <c r="F3243" s="46">
        <v>38.700000000000003</v>
      </c>
      <c r="G3243" s="47">
        <v>41.6</v>
      </c>
    </row>
    <row r="3244" spans="2:7" ht="21.6" x14ac:dyDescent="0.2">
      <c r="B3244" s="76"/>
      <c r="C3244" s="39" t="s">
        <v>54</v>
      </c>
      <c r="D3244" s="45">
        <v>511</v>
      </c>
      <c r="E3244" s="46">
        <v>20.2</v>
      </c>
      <c r="F3244" s="46">
        <v>37.4</v>
      </c>
      <c r="G3244" s="47">
        <v>42.5</v>
      </c>
    </row>
    <row r="3245" spans="2:7" ht="21.6" x14ac:dyDescent="0.2">
      <c r="B3245" s="76"/>
      <c r="C3245" s="39" t="s">
        <v>55</v>
      </c>
      <c r="D3245" s="45">
        <v>615</v>
      </c>
      <c r="E3245" s="46">
        <v>23.1</v>
      </c>
      <c r="F3245" s="46">
        <v>37.700000000000003</v>
      </c>
      <c r="G3245" s="47">
        <v>39.200000000000003</v>
      </c>
    </row>
    <row r="3246" spans="2:7" ht="21.6" x14ac:dyDescent="0.2">
      <c r="B3246" s="76"/>
      <c r="C3246" s="39" t="s">
        <v>56</v>
      </c>
      <c r="D3246" s="45">
        <v>800</v>
      </c>
      <c r="E3246" s="46">
        <v>22.6</v>
      </c>
      <c r="F3246" s="46">
        <v>37.9</v>
      </c>
      <c r="G3246" s="47">
        <v>39.5</v>
      </c>
    </row>
    <row r="3247" spans="2:7" x14ac:dyDescent="0.2">
      <c r="B3247" s="76"/>
      <c r="C3247" s="40" t="s">
        <v>57</v>
      </c>
      <c r="D3247" s="48">
        <v>798</v>
      </c>
      <c r="E3247" s="49">
        <v>20.2</v>
      </c>
      <c r="F3247" s="49">
        <v>40.5</v>
      </c>
      <c r="G3247" s="50">
        <v>39.299999999999997</v>
      </c>
    </row>
    <row r="3248" spans="2:7" x14ac:dyDescent="0.2">
      <c r="B3248" s="7" t="s">
        <v>71</v>
      </c>
      <c r="C3248" s="4" t="s">
        <v>175</v>
      </c>
    </row>
    <row r="3249" spans="1:25" x14ac:dyDescent="0.2">
      <c r="B3249" s="4"/>
      <c r="C3249" s="4" t="s">
        <v>73</v>
      </c>
    </row>
    <row r="3251" spans="1:25" x14ac:dyDescent="0.2">
      <c r="C3251" t="s">
        <v>35</v>
      </c>
    </row>
    <row r="3252" spans="1:25" x14ac:dyDescent="0.2">
      <c r="B3252" s="74" t="s">
        <v>241</v>
      </c>
      <c r="C3252" s="75"/>
      <c r="D3252" s="75"/>
      <c r="E3252" s="75"/>
      <c r="F3252" s="75"/>
      <c r="G3252" s="75"/>
      <c r="H3252" s="75"/>
      <c r="I3252" s="75"/>
      <c r="J3252" s="75"/>
      <c r="K3252" s="75"/>
      <c r="L3252" s="75"/>
      <c r="M3252" s="75"/>
      <c r="N3252" s="75"/>
      <c r="O3252" s="75"/>
      <c r="P3252" s="75"/>
      <c r="Q3252" s="75"/>
      <c r="R3252" s="75"/>
      <c r="S3252" s="75"/>
      <c r="T3252" s="75"/>
      <c r="U3252" s="75"/>
      <c r="V3252" s="75"/>
      <c r="W3252" s="75"/>
      <c r="X3252" s="75"/>
      <c r="Y3252" s="75"/>
    </row>
    <row r="3253" spans="1:25" s="32" customFormat="1" ht="36.450000000000003" customHeight="1" x14ac:dyDescent="0.15">
      <c r="A3253" s="31"/>
      <c r="D3253" s="33" t="s">
        <v>242</v>
      </c>
      <c r="E3253" s="35" t="s">
        <v>465</v>
      </c>
      <c r="F3253" s="36" t="s">
        <v>466</v>
      </c>
      <c r="G3253" s="37" t="s">
        <v>276</v>
      </c>
      <c r="H3253" s="34" t="s">
        <v>251</v>
      </c>
    </row>
    <row r="3254" spans="1:25" ht="21.6" x14ac:dyDescent="0.2">
      <c r="B3254" s="76" t="s">
        <v>37</v>
      </c>
      <c r="C3254" s="38" t="s">
        <v>58</v>
      </c>
      <c r="D3254" s="51">
        <v>609</v>
      </c>
      <c r="E3254" s="52">
        <v>22.5</v>
      </c>
      <c r="F3254" s="52">
        <v>37.6</v>
      </c>
      <c r="G3254" s="53">
        <v>39.9</v>
      </c>
    </row>
    <row r="3255" spans="1:25" ht="21.6" x14ac:dyDescent="0.2">
      <c r="B3255" s="76"/>
      <c r="C3255" s="39" t="s">
        <v>59</v>
      </c>
      <c r="D3255" s="45">
        <v>1391</v>
      </c>
      <c r="E3255" s="46">
        <v>18</v>
      </c>
      <c r="F3255" s="46">
        <v>37.5</v>
      </c>
      <c r="G3255" s="47">
        <v>44.5</v>
      </c>
    </row>
    <row r="3256" spans="1:25" x14ac:dyDescent="0.2">
      <c r="B3256" s="76"/>
      <c r="C3256" s="39" t="s">
        <v>60</v>
      </c>
      <c r="D3256" s="45">
        <v>1325</v>
      </c>
      <c r="E3256" s="46">
        <v>19.2</v>
      </c>
      <c r="F3256" s="46">
        <v>38</v>
      </c>
      <c r="G3256" s="47">
        <v>42.7</v>
      </c>
    </row>
    <row r="3257" spans="1:25" x14ac:dyDescent="0.2">
      <c r="B3257" s="76"/>
      <c r="C3257" s="39" t="s">
        <v>61</v>
      </c>
      <c r="D3257" s="45">
        <v>675</v>
      </c>
      <c r="E3257" s="46">
        <v>19.600000000000001</v>
      </c>
      <c r="F3257" s="46">
        <v>36.6</v>
      </c>
      <c r="G3257" s="47">
        <v>43.9</v>
      </c>
    </row>
    <row r="3258" spans="1:25" x14ac:dyDescent="0.2">
      <c r="B3258" s="76"/>
      <c r="C3258" s="39" t="s">
        <v>62</v>
      </c>
      <c r="D3258" s="45">
        <v>1086</v>
      </c>
      <c r="E3258" s="46">
        <v>23</v>
      </c>
      <c r="F3258" s="46">
        <v>40.5</v>
      </c>
      <c r="G3258" s="47">
        <v>36.5</v>
      </c>
    </row>
    <row r="3259" spans="1:25" ht="21.6" x14ac:dyDescent="0.2">
      <c r="B3259" s="76"/>
      <c r="C3259" s="39" t="s">
        <v>63</v>
      </c>
      <c r="D3259" s="45">
        <v>203</v>
      </c>
      <c r="E3259" s="46">
        <v>22.2</v>
      </c>
      <c r="F3259" s="46">
        <v>32</v>
      </c>
      <c r="G3259" s="47">
        <v>45.8</v>
      </c>
    </row>
    <row r="3260" spans="1:25" x14ac:dyDescent="0.2">
      <c r="B3260" s="76"/>
      <c r="C3260" s="39" t="s">
        <v>64</v>
      </c>
      <c r="D3260" s="45">
        <v>263</v>
      </c>
      <c r="E3260" s="46">
        <v>23.2</v>
      </c>
      <c r="F3260" s="46">
        <v>42.6</v>
      </c>
      <c r="G3260" s="47">
        <v>34.200000000000003</v>
      </c>
    </row>
    <row r="3261" spans="1:25" x14ac:dyDescent="0.2">
      <c r="B3261" s="76"/>
      <c r="C3261" s="39" t="s">
        <v>65</v>
      </c>
      <c r="D3261" s="45">
        <v>312</v>
      </c>
      <c r="E3261" s="46">
        <v>25.3</v>
      </c>
      <c r="F3261" s="46">
        <v>41.3</v>
      </c>
      <c r="G3261" s="47">
        <v>33.299999999999997</v>
      </c>
    </row>
    <row r="3262" spans="1:25" x14ac:dyDescent="0.2">
      <c r="B3262" s="76"/>
      <c r="C3262" s="39" t="s">
        <v>66</v>
      </c>
      <c r="D3262" s="45">
        <v>230</v>
      </c>
      <c r="E3262" s="46">
        <v>20.399999999999999</v>
      </c>
      <c r="F3262" s="46">
        <v>43.9</v>
      </c>
      <c r="G3262" s="47">
        <v>35.700000000000003</v>
      </c>
    </row>
    <row r="3263" spans="1:25" x14ac:dyDescent="0.2">
      <c r="B3263" s="76"/>
      <c r="C3263" s="39" t="s">
        <v>67</v>
      </c>
      <c r="D3263" s="45">
        <v>78</v>
      </c>
      <c r="E3263" s="46">
        <v>23.1</v>
      </c>
      <c r="F3263" s="46">
        <v>42.3</v>
      </c>
      <c r="G3263" s="47">
        <v>34.6</v>
      </c>
    </row>
    <row r="3264" spans="1:25" x14ac:dyDescent="0.2">
      <c r="B3264" s="76"/>
      <c r="C3264" s="39" t="s">
        <v>68</v>
      </c>
      <c r="D3264" s="45">
        <v>897</v>
      </c>
      <c r="E3264" s="46">
        <v>24.4</v>
      </c>
      <c r="F3264" s="46">
        <v>39.9</v>
      </c>
      <c r="G3264" s="47">
        <v>35.700000000000003</v>
      </c>
    </row>
    <row r="3265" spans="2:7" x14ac:dyDescent="0.2">
      <c r="B3265" s="76"/>
      <c r="C3265" s="39" t="s">
        <v>69</v>
      </c>
      <c r="D3265" s="45">
        <v>189</v>
      </c>
      <c r="E3265" s="46">
        <v>16.399999999999999</v>
      </c>
      <c r="F3265" s="46">
        <v>43.4</v>
      </c>
      <c r="G3265" s="47">
        <v>40.200000000000003</v>
      </c>
    </row>
    <row r="3266" spans="2:7" x14ac:dyDescent="0.2">
      <c r="B3266" s="76"/>
      <c r="C3266" s="39" t="s">
        <v>70</v>
      </c>
      <c r="D3266" s="45">
        <v>914</v>
      </c>
      <c r="E3266" s="46">
        <v>15</v>
      </c>
      <c r="F3266" s="46">
        <v>34</v>
      </c>
      <c r="G3266" s="47">
        <v>51</v>
      </c>
    </row>
    <row r="3267" spans="2:7" ht="21.6" x14ac:dyDescent="0.2">
      <c r="B3267" s="76"/>
      <c r="C3267" s="39" t="s">
        <v>63</v>
      </c>
      <c r="D3267" s="45">
        <v>193</v>
      </c>
      <c r="E3267" s="46">
        <v>17.600000000000001</v>
      </c>
      <c r="F3267" s="46">
        <v>30.1</v>
      </c>
      <c r="G3267" s="47">
        <v>52.3</v>
      </c>
    </row>
    <row r="3268" spans="2:7" x14ac:dyDescent="0.2">
      <c r="B3268" s="76"/>
      <c r="C3268" s="39" t="s">
        <v>64</v>
      </c>
      <c r="D3268" s="45">
        <v>203</v>
      </c>
      <c r="E3268" s="46">
        <v>13.3</v>
      </c>
      <c r="F3268" s="46">
        <v>37.4</v>
      </c>
      <c r="G3268" s="47">
        <v>49.3</v>
      </c>
    </row>
    <row r="3269" spans="2:7" x14ac:dyDescent="0.2">
      <c r="B3269" s="76"/>
      <c r="C3269" s="39" t="s">
        <v>65</v>
      </c>
      <c r="D3269" s="45">
        <v>263</v>
      </c>
      <c r="E3269" s="46">
        <v>15.6</v>
      </c>
      <c r="F3269" s="46">
        <v>32.299999999999997</v>
      </c>
      <c r="G3269" s="47">
        <v>52.1</v>
      </c>
    </row>
    <row r="3270" spans="2:7" x14ac:dyDescent="0.2">
      <c r="B3270" s="76"/>
      <c r="C3270" s="39" t="s">
        <v>66</v>
      </c>
      <c r="D3270" s="45">
        <v>194</v>
      </c>
      <c r="E3270" s="46">
        <v>14.9</v>
      </c>
      <c r="F3270" s="46">
        <v>32</v>
      </c>
      <c r="G3270" s="47">
        <v>53.1</v>
      </c>
    </row>
    <row r="3271" spans="2:7" x14ac:dyDescent="0.2">
      <c r="B3271" s="76"/>
      <c r="C3271" s="39" t="s">
        <v>67</v>
      </c>
      <c r="D3271" s="45">
        <v>61</v>
      </c>
      <c r="E3271" s="46">
        <v>9.8000000000000007</v>
      </c>
      <c r="F3271" s="46">
        <v>49.2</v>
      </c>
      <c r="G3271" s="47">
        <v>41</v>
      </c>
    </row>
    <row r="3272" spans="2:7" x14ac:dyDescent="0.2">
      <c r="B3272" s="76"/>
      <c r="C3272" s="39" t="s">
        <v>68</v>
      </c>
      <c r="D3272" s="45">
        <v>416</v>
      </c>
      <c r="E3272" s="46">
        <v>17.3</v>
      </c>
      <c r="F3272" s="46">
        <v>35.1</v>
      </c>
      <c r="G3272" s="47">
        <v>47.6</v>
      </c>
    </row>
    <row r="3273" spans="2:7" x14ac:dyDescent="0.2">
      <c r="B3273" s="76"/>
      <c r="C3273" s="40" t="s">
        <v>69</v>
      </c>
      <c r="D3273" s="48">
        <v>498</v>
      </c>
      <c r="E3273" s="49">
        <v>13.1</v>
      </c>
      <c r="F3273" s="49">
        <v>33.1</v>
      </c>
      <c r="G3273" s="50">
        <v>53.8</v>
      </c>
    </row>
    <row r="3274" spans="2:7" x14ac:dyDescent="0.2">
      <c r="B3274" s="7" t="s">
        <v>71</v>
      </c>
      <c r="C3274" s="4" t="s">
        <v>175</v>
      </c>
    </row>
    <row r="3275" spans="2:7" x14ac:dyDescent="0.2">
      <c r="B3275" s="4"/>
      <c r="C3275" s="4" t="s">
        <v>73</v>
      </c>
    </row>
    <row r="3278" spans="2:7" x14ac:dyDescent="0.2">
      <c r="B3278" t="s">
        <v>176</v>
      </c>
    </row>
  </sheetData>
  <mergeCells count="260">
    <mergeCell ref="B2:Y2"/>
    <mergeCell ref="B5:B23"/>
    <mergeCell ref="B28:Y28"/>
    <mergeCell ref="B30:B49"/>
    <mergeCell ref="B54:Y54"/>
    <mergeCell ref="B57:B75"/>
    <mergeCell ref="B154:Y154"/>
    <mergeCell ref="B157:B175"/>
    <mergeCell ref="B178:Y178"/>
    <mergeCell ref="B180:B199"/>
    <mergeCell ref="B202:Y202"/>
    <mergeCell ref="B205:B223"/>
    <mergeCell ref="B80:Y80"/>
    <mergeCell ref="B82:B101"/>
    <mergeCell ref="B106:Y106"/>
    <mergeCell ref="B109:B127"/>
    <mergeCell ref="B130:Y130"/>
    <mergeCell ref="B132:B151"/>
    <mergeCell ref="B306:Y306"/>
    <mergeCell ref="B309:B327"/>
    <mergeCell ref="B330:Y330"/>
    <mergeCell ref="B332:B351"/>
    <mergeCell ref="B354:Y354"/>
    <mergeCell ref="B357:B375"/>
    <mergeCell ref="B228:Y228"/>
    <mergeCell ref="B230:B249"/>
    <mergeCell ref="B254:Y254"/>
    <mergeCell ref="B257:B275"/>
    <mergeCell ref="B280:Y280"/>
    <mergeCell ref="B282:B301"/>
    <mergeCell ref="B454:Y454"/>
    <mergeCell ref="B457:B475"/>
    <mergeCell ref="B478:Y478"/>
    <mergeCell ref="B480:B499"/>
    <mergeCell ref="B502:Y502"/>
    <mergeCell ref="B505:B523"/>
    <mergeCell ref="B378:Y378"/>
    <mergeCell ref="B380:B399"/>
    <mergeCell ref="B402:Y402"/>
    <mergeCell ref="B405:B423"/>
    <mergeCell ref="B428:Y428"/>
    <mergeCell ref="B430:B449"/>
    <mergeCell ref="B606:Y606"/>
    <mergeCell ref="B609:B627"/>
    <mergeCell ref="B632:Y632"/>
    <mergeCell ref="B634:B653"/>
    <mergeCell ref="B658:Y658"/>
    <mergeCell ref="B661:B679"/>
    <mergeCell ref="B528:Y528"/>
    <mergeCell ref="B530:B549"/>
    <mergeCell ref="B554:Y554"/>
    <mergeCell ref="B557:B575"/>
    <mergeCell ref="B580:Y580"/>
    <mergeCell ref="B582:B601"/>
    <mergeCell ref="B758:Y758"/>
    <mergeCell ref="B761:B779"/>
    <mergeCell ref="B782:Y782"/>
    <mergeCell ref="B784:B803"/>
    <mergeCell ref="B806:Y806"/>
    <mergeCell ref="B809:B827"/>
    <mergeCell ref="B684:Y684"/>
    <mergeCell ref="B686:B705"/>
    <mergeCell ref="B710:Y710"/>
    <mergeCell ref="B713:B731"/>
    <mergeCell ref="B734:Y734"/>
    <mergeCell ref="B736:B755"/>
    <mergeCell ref="B902:Y902"/>
    <mergeCell ref="B905:B923"/>
    <mergeCell ref="B928:Y928"/>
    <mergeCell ref="B930:B949"/>
    <mergeCell ref="B954:Y954"/>
    <mergeCell ref="B957:B975"/>
    <mergeCell ref="B830:Y830"/>
    <mergeCell ref="B832:B851"/>
    <mergeCell ref="B854:Y854"/>
    <mergeCell ref="B857:B875"/>
    <mergeCell ref="B878:Y878"/>
    <mergeCell ref="B880:B899"/>
    <mergeCell ref="B1058:Y1058"/>
    <mergeCell ref="B1061:B1079"/>
    <mergeCell ref="B1084:Y1084"/>
    <mergeCell ref="B1086:B1105"/>
    <mergeCell ref="B1110:Y1110"/>
    <mergeCell ref="B1113:B1131"/>
    <mergeCell ref="B980:Y980"/>
    <mergeCell ref="B982:B1001"/>
    <mergeCell ref="B1006:Y1006"/>
    <mergeCell ref="B1009:B1027"/>
    <mergeCell ref="B1032:Y1032"/>
    <mergeCell ref="B1034:B1053"/>
    <mergeCell ref="B1214:Y1214"/>
    <mergeCell ref="B1217:B1235"/>
    <mergeCell ref="B1240:Y1240"/>
    <mergeCell ref="B1242:B1261"/>
    <mergeCell ref="B1266:Y1266"/>
    <mergeCell ref="B1269:B1287"/>
    <mergeCell ref="B1136:Y1136"/>
    <mergeCell ref="B1138:B1157"/>
    <mergeCell ref="B1162:Y1162"/>
    <mergeCell ref="B1165:B1183"/>
    <mergeCell ref="B1188:Y1188"/>
    <mergeCell ref="B1190:B1209"/>
    <mergeCell ref="B1370:Y1370"/>
    <mergeCell ref="B1373:B1391"/>
    <mergeCell ref="B1394:Y1394"/>
    <mergeCell ref="B1396:B1415"/>
    <mergeCell ref="B1418:Y1418"/>
    <mergeCell ref="B1421:B1439"/>
    <mergeCell ref="B1292:Y1292"/>
    <mergeCell ref="B1294:B1313"/>
    <mergeCell ref="B1318:Y1318"/>
    <mergeCell ref="B1321:B1339"/>
    <mergeCell ref="B1344:Y1344"/>
    <mergeCell ref="B1346:B1365"/>
    <mergeCell ref="B1522:Y1522"/>
    <mergeCell ref="B1525:B1543"/>
    <mergeCell ref="B1548:Y1548"/>
    <mergeCell ref="B1550:B1569"/>
    <mergeCell ref="B1574:Y1574"/>
    <mergeCell ref="B1577:B1595"/>
    <mergeCell ref="B1444:Y1444"/>
    <mergeCell ref="B1446:B1465"/>
    <mergeCell ref="B1470:Y1470"/>
    <mergeCell ref="B1473:B1491"/>
    <mergeCell ref="B1496:Y1496"/>
    <mergeCell ref="B1498:B1517"/>
    <mergeCell ref="B1674:Y1674"/>
    <mergeCell ref="B1677:B1695"/>
    <mergeCell ref="B1700:Y1700"/>
    <mergeCell ref="B1702:B1721"/>
    <mergeCell ref="B1726:Y1726"/>
    <mergeCell ref="B1729:B1747"/>
    <mergeCell ref="B1598:Y1598"/>
    <mergeCell ref="B1600:B1619"/>
    <mergeCell ref="B1622:Y1622"/>
    <mergeCell ref="B1625:B1643"/>
    <mergeCell ref="B1648:Y1648"/>
    <mergeCell ref="B1650:B1669"/>
    <mergeCell ref="B1826:Y1826"/>
    <mergeCell ref="B1829:B1847"/>
    <mergeCell ref="B1852:Y1852"/>
    <mergeCell ref="B1854:B1873"/>
    <mergeCell ref="B1878:Y1878"/>
    <mergeCell ref="B1881:B1899"/>
    <mergeCell ref="B1752:Y1752"/>
    <mergeCell ref="B1754:B1773"/>
    <mergeCell ref="B1778:Y1778"/>
    <mergeCell ref="B1781:B1799"/>
    <mergeCell ref="B1802:Y1802"/>
    <mergeCell ref="B1804:B1823"/>
    <mergeCell ref="B1978:Y1978"/>
    <mergeCell ref="B1981:B1999"/>
    <mergeCell ref="B2004:Y2004"/>
    <mergeCell ref="B2006:B2025"/>
    <mergeCell ref="B2030:Y2030"/>
    <mergeCell ref="B2033:B2051"/>
    <mergeCell ref="B1904:Y1904"/>
    <mergeCell ref="B1906:B1925"/>
    <mergeCell ref="B1930:Y1930"/>
    <mergeCell ref="B1933:B1951"/>
    <mergeCell ref="B1954:Y1954"/>
    <mergeCell ref="B1956:B1975"/>
    <mergeCell ref="B2130:Y2130"/>
    <mergeCell ref="B2133:B2151"/>
    <mergeCell ref="B2156:Y2156"/>
    <mergeCell ref="B2158:B2177"/>
    <mergeCell ref="B2182:Y2182"/>
    <mergeCell ref="B2185:B2203"/>
    <mergeCell ref="B2056:Y2056"/>
    <mergeCell ref="B2058:B2077"/>
    <mergeCell ref="B2082:Y2082"/>
    <mergeCell ref="B2085:B2103"/>
    <mergeCell ref="B2106:Y2106"/>
    <mergeCell ref="B2108:B2127"/>
    <mergeCell ref="B2286:Y2286"/>
    <mergeCell ref="B2289:B2307"/>
    <mergeCell ref="B2310:Y2310"/>
    <mergeCell ref="B2312:B2331"/>
    <mergeCell ref="B2334:Y2334"/>
    <mergeCell ref="B2337:B2355"/>
    <mergeCell ref="B2208:Y2208"/>
    <mergeCell ref="B2210:B2229"/>
    <mergeCell ref="B2234:Y2234"/>
    <mergeCell ref="B2237:B2255"/>
    <mergeCell ref="B2260:Y2260"/>
    <mergeCell ref="B2262:B2281"/>
    <mergeCell ref="B2434:Y2434"/>
    <mergeCell ref="B2437:B2455"/>
    <mergeCell ref="B2458:Y2458"/>
    <mergeCell ref="B2460:B2479"/>
    <mergeCell ref="B2482:Y2482"/>
    <mergeCell ref="B2485:B2503"/>
    <mergeCell ref="B2358:Y2358"/>
    <mergeCell ref="B2360:B2379"/>
    <mergeCell ref="B2382:Y2382"/>
    <mergeCell ref="B2385:B2403"/>
    <mergeCell ref="B2408:Y2408"/>
    <mergeCell ref="B2410:B2429"/>
    <mergeCell ref="B2582:Y2582"/>
    <mergeCell ref="B2585:B2603"/>
    <mergeCell ref="B2606:Y2606"/>
    <mergeCell ref="B2608:B2627"/>
    <mergeCell ref="B2630:Y2630"/>
    <mergeCell ref="B2633:B2651"/>
    <mergeCell ref="B2506:Y2506"/>
    <mergeCell ref="B2508:B2527"/>
    <mergeCell ref="B2530:Y2530"/>
    <mergeCell ref="B2533:B2551"/>
    <mergeCell ref="B2556:Y2556"/>
    <mergeCell ref="B2558:B2577"/>
    <mergeCell ref="B2730:Y2730"/>
    <mergeCell ref="B2733:B2751"/>
    <mergeCell ref="B2754:Y2754"/>
    <mergeCell ref="B2756:B2775"/>
    <mergeCell ref="B2778:Y2778"/>
    <mergeCell ref="B2781:B2799"/>
    <mergeCell ref="B2654:Y2654"/>
    <mergeCell ref="B2656:B2675"/>
    <mergeCell ref="B2678:Y2678"/>
    <mergeCell ref="B2681:B2699"/>
    <mergeCell ref="B2704:Y2704"/>
    <mergeCell ref="B2706:B2725"/>
    <mergeCell ref="B2874:Y2874"/>
    <mergeCell ref="B2877:B2895"/>
    <mergeCell ref="B2900:Y2900"/>
    <mergeCell ref="B2902:B2921"/>
    <mergeCell ref="B2926:Y2926"/>
    <mergeCell ref="B2929:B2947"/>
    <mergeCell ref="B2802:Y2802"/>
    <mergeCell ref="B2804:B2823"/>
    <mergeCell ref="B2826:Y2826"/>
    <mergeCell ref="B2829:B2847"/>
    <mergeCell ref="B2850:Y2850"/>
    <mergeCell ref="B2852:B2871"/>
    <mergeCell ref="B3026:Y3026"/>
    <mergeCell ref="B3029:B3047"/>
    <mergeCell ref="B3050:Y3050"/>
    <mergeCell ref="B3052:B3071"/>
    <mergeCell ref="B3074:Y3074"/>
    <mergeCell ref="B3077:B3095"/>
    <mergeCell ref="B2952:Y2952"/>
    <mergeCell ref="B2954:B2973"/>
    <mergeCell ref="B2978:Y2978"/>
    <mergeCell ref="B2981:B2999"/>
    <mergeCell ref="B3002:Y3002"/>
    <mergeCell ref="B3004:B3023"/>
    <mergeCell ref="B3252:Y3252"/>
    <mergeCell ref="B3254:B3273"/>
    <mergeCell ref="B3178:Y3178"/>
    <mergeCell ref="B3181:B3199"/>
    <mergeCell ref="B3202:Y3202"/>
    <mergeCell ref="B3204:B3223"/>
    <mergeCell ref="B3226:Y3226"/>
    <mergeCell ref="B3229:B3247"/>
    <mergeCell ref="B3100:Y3100"/>
    <mergeCell ref="B3102:B3121"/>
    <mergeCell ref="B3126:Y3126"/>
    <mergeCell ref="B3129:B3147"/>
    <mergeCell ref="B3152:Y3152"/>
    <mergeCell ref="B3154:B3173"/>
  </mergeCells>
  <phoneticPr fontId="2"/>
  <hyperlinks>
    <hyperlink ref="A1" location="Contents!A1" display="目次" xr:uid="{145ABB23-A121-42A4-8AB5-A4D43CF0708D}"/>
    <hyperlink ref="A53" location="Contents!A1" display="目次" xr:uid="{9893794D-71ED-4911-B38D-7EAD02248E83}"/>
    <hyperlink ref="A105" location="Contents!A1" display="目次" xr:uid="{C92C27BD-B394-4032-8826-0A4261DE0B53}"/>
    <hyperlink ref="A153" location="Contents!A1" display="目次" xr:uid="{0DE0AD27-1D86-4AC2-8AAA-3FEA9648CC7F}"/>
    <hyperlink ref="A201" location="Contents!A1" display="目次" xr:uid="{6A4D18F9-3F0A-4671-9B15-223172A64AB9}"/>
    <hyperlink ref="A253" location="Contents!A1" display="目次" xr:uid="{ADB2758D-002F-4BD2-8A80-D3959FDCC853}"/>
    <hyperlink ref="A305" location="Contents!A1" display="目次" xr:uid="{A6901828-2F34-494A-8D78-CCC27BC27D65}"/>
    <hyperlink ref="A353" location="Contents!A1" display="目次" xr:uid="{C5B0565F-65CF-4E2B-B071-48EC9237FDFC}"/>
    <hyperlink ref="A401" location="Contents!A1" display="目次" xr:uid="{F50E4A87-D283-4A76-BC5D-04637A9F0266}"/>
    <hyperlink ref="A453" location="Contents!A1" display="目次" xr:uid="{C140A7BA-3F28-4569-B582-01EA1948D7C0}"/>
    <hyperlink ref="A501" location="Contents!A1" display="目次" xr:uid="{E991B6E7-23F6-445E-A7C5-32E0BE51E343}"/>
    <hyperlink ref="A553" location="Contents!A1" display="目次" xr:uid="{14A079ED-E4D2-4B41-BA03-E51F974FA0EE}"/>
    <hyperlink ref="A605" location="Contents!A1" display="目次" xr:uid="{2992A901-2BCF-46F5-AF57-D35289611CFE}"/>
    <hyperlink ref="A657" location="Contents!A1" display="目次" xr:uid="{969ADAFA-0F4E-4B2D-BAAA-F8BEE2ABD9C4}"/>
    <hyperlink ref="A709" location="Contents!A1" display="目次" xr:uid="{A2700615-55B2-4A35-9D5F-94EEE5438C50}"/>
    <hyperlink ref="A757" location="Contents!A1" display="目次" xr:uid="{54AFAE44-2313-4ECF-B566-0ADC7855AC9E}"/>
    <hyperlink ref="A805" location="Contents!A1" display="目次" xr:uid="{B2255524-137A-4D9F-BE80-BC80D9F0D192}"/>
    <hyperlink ref="A853" location="Contents!A1" display="目次" xr:uid="{69412C63-6991-4ACF-87F6-714284526117}"/>
    <hyperlink ref="A901" location="Contents!A1" display="目次" xr:uid="{C55FEFFC-329B-4A37-B1D0-DDF0ED7052FE}"/>
    <hyperlink ref="A953" location="Contents!A1" display="目次" xr:uid="{A9D0FCE8-5256-4431-A4EF-93EDAB572B78}"/>
    <hyperlink ref="A1005" location="Contents!A1" display="目次" xr:uid="{CCD0D13D-AAEF-478D-BCCF-85285BA3FC03}"/>
    <hyperlink ref="A1057" location="Contents!A1" display="目次" xr:uid="{85030128-4419-4F81-8E88-042B8B04FD96}"/>
    <hyperlink ref="A1109" location="Contents!A1" display="目次" xr:uid="{E06FAEA9-5C24-4726-869F-EA5EFA13CF20}"/>
    <hyperlink ref="A1161" location="Contents!A1" display="目次" xr:uid="{DEA50DAE-9ECA-45F0-9D84-8D2E84BC0BB6}"/>
    <hyperlink ref="A1213" location="Contents!A1" display="目次" xr:uid="{F32C427E-3B6E-421A-B5DB-E4FFA97CB8B6}"/>
    <hyperlink ref="A1265" location="Contents!A1" display="目次" xr:uid="{3F95C143-6994-4F19-BB50-C56A446AD799}"/>
    <hyperlink ref="A1317" location="Contents!A1" display="目次" xr:uid="{83BE8AD3-03D1-4902-8DD2-C5C7FEF7BCD6}"/>
    <hyperlink ref="A1369" location="Contents!A1" display="目次" xr:uid="{3E2859C9-8E2C-4B75-B7C5-D867F72E5FB9}"/>
    <hyperlink ref="A1417" location="Contents!A1" display="目次" xr:uid="{3CEA8C70-7C2A-4CCB-A20A-D49A2A37E9E8}"/>
    <hyperlink ref="A1469" location="Contents!A1" display="目次" xr:uid="{C0DD5BC9-7C52-4F41-A634-2E79F2EDE69A}"/>
    <hyperlink ref="A1521" location="Contents!A1" display="目次" xr:uid="{862F94F4-9B56-4ED5-820B-E3D98505AB16}"/>
    <hyperlink ref="A1573" location="Contents!A1" display="目次" xr:uid="{366414D0-419E-4759-8D0F-C4F485853216}"/>
    <hyperlink ref="A1621" location="Contents!A1" display="目次" xr:uid="{6E23E2D2-5521-4E00-861C-864F4284698E}"/>
    <hyperlink ref="A1673" location="Contents!A1" display="目次" xr:uid="{4A9146A7-92C5-4DD6-81A6-51F2021AA3FA}"/>
    <hyperlink ref="A1725" location="Contents!A1" display="目次" xr:uid="{D5464344-8B29-4625-94A4-5BEE5D6CF77E}"/>
    <hyperlink ref="A1777" location="Contents!A1" display="目次" xr:uid="{96EF083D-6660-4D0C-8890-09BC89961249}"/>
    <hyperlink ref="A1825" location="Contents!A1" display="目次" xr:uid="{486B96D1-7100-46E8-A5B6-9D183D6FDFCB}"/>
    <hyperlink ref="A1877" location="Contents!A1" display="目次" xr:uid="{C05221A8-951E-497B-8F68-EFD141319732}"/>
    <hyperlink ref="A1929" location="Contents!A1" display="目次" xr:uid="{75B24246-2E59-4941-9AC1-28A89C1D37B3}"/>
    <hyperlink ref="A1977" location="Contents!A1" display="目次" xr:uid="{E09EFF9A-5E5E-476B-82A6-EE691962B38C}"/>
    <hyperlink ref="A2029" location="Contents!A1" display="目次" xr:uid="{2DF28A87-2273-4C24-AE7F-12F21F557A0C}"/>
    <hyperlink ref="A2081" location="Contents!A1" display="目次" xr:uid="{7DE20AE8-A8CD-4B05-996B-1E1CFA42895B}"/>
    <hyperlink ref="A2129" location="Contents!A1" display="目次" xr:uid="{BCE85EFF-AAC4-4980-83F2-DEEFF9AC45F5}"/>
    <hyperlink ref="A2181" location="Contents!A1" display="目次" xr:uid="{E81F7EF1-236E-49A3-9B97-B5D657F1EE61}"/>
    <hyperlink ref="A2233" location="Contents!A1" display="目次" xr:uid="{909EF24C-FE57-4E4D-A387-FEB589E6A882}"/>
    <hyperlink ref="A2285" location="Contents!A1" display="目次" xr:uid="{790AE74C-8D35-4385-BC6B-F892A2B7A5FA}"/>
    <hyperlink ref="A2333" location="Contents!A1" display="目次" xr:uid="{014F9197-CBCF-4FCF-BFB3-71ECD1471218}"/>
    <hyperlink ref="A2381" location="Contents!A1" display="目次" xr:uid="{ED6A2164-8FC6-4707-B653-C54527CE5387}"/>
    <hyperlink ref="A2433" location="Contents!A1" display="目次" xr:uid="{56676263-7C10-4CEA-90EE-DBC0FA9194F6}"/>
    <hyperlink ref="A2481" location="Contents!A1" display="目次" xr:uid="{E192D5CA-7871-40A6-9588-D7B5023D3F0C}"/>
    <hyperlink ref="A2529" location="Contents!A1" display="目次" xr:uid="{02DAF6C6-7B4F-4CF9-8E28-D2444F491E00}"/>
    <hyperlink ref="A2581" location="Contents!A1" display="目次" xr:uid="{73EE34A4-5180-4A6F-B6E2-86F549F52216}"/>
    <hyperlink ref="A2629" location="Contents!A1" display="目次" xr:uid="{1E09A000-0868-42FF-9730-CC625D77A35D}"/>
    <hyperlink ref="A2677" location="Contents!A1" display="目次" xr:uid="{22B73C19-F432-4EEA-86E7-72C8958CFBA8}"/>
    <hyperlink ref="A2729" location="Contents!A1" display="目次" xr:uid="{C623452A-C4CE-4B64-AD94-D3961BCEA73F}"/>
    <hyperlink ref="A2777" location="Contents!A1" display="目次" xr:uid="{C0F0DFF9-607F-4B76-B627-0F3812FAB67C}"/>
    <hyperlink ref="A2825" location="Contents!A1" display="目次" xr:uid="{CB86CB1B-F526-439D-A50E-7F15C1DF7BB2}"/>
    <hyperlink ref="A2873" location="Contents!A1" display="目次" xr:uid="{F144EC7F-215F-4E65-9F37-76C8C2CBFBBD}"/>
    <hyperlink ref="A2925" location="Contents!A1" display="目次" xr:uid="{74D22781-3751-4A99-8CA5-2F2A270B369B}"/>
    <hyperlink ref="A2977" location="Contents!A1" display="目次" xr:uid="{BEC46813-38D1-4432-A24D-53D87BC52349}"/>
    <hyperlink ref="A3025" location="Contents!A1" display="目次" xr:uid="{8E1875E4-EA3B-4F23-9456-377B15753A5C}"/>
    <hyperlink ref="A3073" location="Contents!A1" display="目次" xr:uid="{69BDDF67-3835-4E77-88D8-D18B918CC928}"/>
    <hyperlink ref="A3125" location="Contents!A1" display="目次" xr:uid="{CCD87C0D-16A4-4C70-97D4-AF17504D176B}"/>
    <hyperlink ref="A3177" location="Contents!A1" display="目次" xr:uid="{9BD8FEF3-1001-4FE8-B4DD-5E83818ECEE1}"/>
    <hyperlink ref="A3225" location="Contents!A1" display="目次" xr:uid="{3E8521A8-BE77-4969-A3A1-4B19EFB4672B}"/>
  </hyperlinks>
  <pageMargins left="0.47244094488188981" right="0.31496062992125984" top="0.19685039370078741" bottom="0.19685039370078741" header="0.39370078740157483" footer="0.39370078740157483"/>
  <pageSetup paperSize="9" scale="75" orientation="landscape" verticalDpi="0" r:id="rId1"/>
  <headerFooter alignWithMargins="0">
    <oddFooter>&amp;R&amp;9&amp;P/&amp;N&amp;L&amp;9</oddFooter>
  </headerFooter>
  <rowBreaks count="129" manualBreakCount="129">
    <brk id="26" min="1" max="25" man="1"/>
    <brk id="52" min="1" max="25" man="1"/>
    <brk id="78" min="1" max="25" man="1"/>
    <brk id="104" min="1" max="25" man="1"/>
    <brk id="128" min="1" max="25" man="1"/>
    <brk id="152" min="1" max="25" man="1"/>
    <brk id="176" min="1" max="25" man="1"/>
    <brk id="200" min="1" max="25" man="1"/>
    <brk id="226" min="1" max="25" man="1"/>
    <brk id="252" min="1" max="25" man="1"/>
    <brk id="278" min="1" max="25" man="1"/>
    <brk id="304" min="1" max="25" man="1"/>
    <brk id="328" min="1" max="25" man="1"/>
    <brk id="352" min="1" max="25" man="1"/>
    <brk id="376" min="1" max="25" man="1"/>
    <brk id="400" min="1" max="25" man="1"/>
    <brk id="426" min="1" max="25" man="1"/>
    <brk id="452" min="1" max="25" man="1"/>
    <brk id="476" min="1" max="25" man="1"/>
    <brk id="500" min="1" max="25" man="1"/>
    <brk id="526" min="1" max="25" man="1"/>
    <brk id="552" min="1" max="25" man="1"/>
    <brk id="578" min="1" max="25" man="1"/>
    <brk id="604" min="1" max="25" man="1"/>
    <brk id="630" min="1" max="25" man="1"/>
    <brk id="656" min="1" max="25" man="1"/>
    <brk id="682" min="1" max="25" man="1"/>
    <brk id="708" min="1" max="25" man="1"/>
    <brk id="732" min="1" max="25" man="1"/>
    <brk id="756" min="1" max="25" man="1"/>
    <brk id="780" min="1" max="25" man="1"/>
    <brk id="804" min="1" max="25" man="1"/>
    <brk id="828" min="1" max="25" man="1"/>
    <brk id="852" min="1" max="25" man="1"/>
    <brk id="876" min="1" max="25" man="1"/>
    <brk id="900" min="1" max="25" man="1"/>
    <brk id="926" min="1" max="25" man="1"/>
    <brk id="952" min="1" max="25" man="1"/>
    <brk id="978" min="1" max="25" man="1"/>
    <brk id="1004" min="1" max="25" man="1"/>
    <brk id="1030" min="1" max="25" man="1"/>
    <brk id="1056" min="1" max="25" man="1"/>
    <brk id="1082" min="1" max="25" man="1"/>
    <brk id="1108" min="1" max="25" man="1"/>
    <brk id="1134" min="1" max="25" man="1"/>
    <brk id="1160" min="1" max="25" man="1"/>
    <brk id="1186" min="1" max="25" man="1"/>
    <brk id="1212" min="1" max="25" man="1"/>
    <brk id="1238" min="1" max="25" man="1"/>
    <brk id="1264" min="1" max="25" man="1"/>
    <brk id="1290" min="1" max="25" man="1"/>
    <brk id="1316" min="1" max="25" man="1"/>
    <brk id="1342" min="1" max="25" man="1"/>
    <brk id="1368" min="1" max="25" man="1"/>
    <brk id="1392" min="1" max="25" man="1"/>
    <brk id="1416" min="1" max="25" man="1"/>
    <brk id="1442" min="1" max="25" man="1"/>
    <brk id="1468" min="1" max="25" man="1"/>
    <brk id="1494" min="1" max="25" man="1"/>
    <brk id="1520" min="1" max="25" man="1"/>
    <brk id="1546" min="1" max="25" man="1"/>
    <brk id="1572" min="1" max="25" man="1"/>
    <brk id="1596" min="1" max="25" man="1"/>
    <brk id="1620" min="1" max="25" man="1"/>
    <brk id="1646" min="1" max="25" man="1"/>
    <brk id="1672" min="1" max="25" man="1"/>
    <brk id="1698" min="1" max="25" man="1"/>
    <brk id="1724" min="1" max="25" man="1"/>
    <brk id="1750" min="1" max="25" man="1"/>
    <brk id="1776" min="1" max="25" man="1"/>
    <brk id="1800" min="1" max="25" man="1"/>
    <brk id="1824" min="1" max="25" man="1"/>
    <brk id="1850" min="1" max="25" man="1"/>
    <brk id="1876" min="1" max="25" man="1"/>
    <brk id="1902" min="1" max="25" man="1"/>
    <brk id="1928" min="1" max="25" man="1"/>
    <brk id="1952" min="1" max="25" man="1"/>
    <brk id="1976" min="1" max="25" man="1"/>
    <brk id="2002" min="1" max="25" man="1"/>
    <brk id="2028" min="1" max="25" man="1"/>
    <brk id="2054" min="1" max="25" man="1"/>
    <brk id="2080" min="1" max="25" man="1"/>
    <brk id="2104" min="1" max="25" man="1"/>
    <brk id="2128" min="1" max="25" man="1"/>
    <brk id="2154" min="1" max="25" man="1"/>
    <brk id="2180" min="1" max="25" man="1"/>
    <brk id="2206" min="1" max="25" man="1"/>
    <brk id="2232" min="1" max="25" man="1"/>
    <brk id="2258" min="1" max="25" man="1"/>
    <brk id="2284" min="1" max="25" man="1"/>
    <brk id="2308" min="1" max="25" man="1"/>
    <brk id="2332" min="1" max="25" man="1"/>
    <brk id="2356" min="1" max="25" man="1"/>
    <brk id="2380" min="1" max="25" man="1"/>
    <brk id="2406" min="1" max="25" man="1"/>
    <brk id="2432" min="1" max="25" man="1"/>
    <brk id="2456" min="1" max="25" man="1"/>
    <brk id="2480" min="1" max="25" man="1"/>
    <brk id="2504" min="1" max="25" man="1"/>
    <brk id="2528" min="1" max="25" man="1"/>
    <brk id="2554" min="1" max="25" man="1"/>
    <brk id="2580" min="1" max="25" man="1"/>
    <brk id="2604" min="1" max="25" man="1"/>
    <brk id="2628" min="1" max="25" man="1"/>
    <brk id="2652" min="1" max="25" man="1"/>
    <brk id="2676" min="1" max="25" man="1"/>
    <brk id="2702" min="1" max="25" man="1"/>
    <brk id="2728" min="1" max="25" man="1"/>
    <brk id="2752" min="1" max="25" man="1"/>
    <brk id="2776" min="1" max="25" man="1"/>
    <brk id="2800" min="1" max="25" man="1"/>
    <brk id="2824" min="1" max="25" man="1"/>
    <brk id="2848" min="1" max="25" man="1"/>
    <brk id="2872" min="1" max="25" man="1"/>
    <brk id="2898" min="1" max="25" man="1"/>
    <brk id="2924" min="1" max="25" man="1"/>
    <brk id="2950" min="1" max="25" man="1"/>
    <brk id="2976" min="1" max="25" man="1"/>
    <brk id="3000" min="1" max="25" man="1"/>
    <brk id="3024" min="1" max="25" man="1"/>
    <brk id="3048" min="1" max="25" man="1"/>
    <brk id="3072" min="1" max="25" man="1"/>
    <brk id="3098" min="1" max="25" man="1"/>
    <brk id="3124" min="1" max="25" man="1"/>
    <brk id="3150" min="1" max="25" man="1"/>
    <brk id="3176" min="1" max="25" man="1"/>
    <brk id="3200" min="1" max="25" man="1"/>
    <brk id="3224" min="1" max="25" man="1"/>
    <brk id="3250" min="1" max="25"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4</vt:i4>
      </vt:variant>
    </vt:vector>
  </HeadingPairs>
  <TitlesOfParts>
    <vt:vector size="7" baseType="lpstr">
      <vt:lpstr>Contents</vt:lpstr>
      <vt:lpstr>Details</vt:lpstr>
      <vt:lpstr>Table</vt:lpstr>
      <vt:lpstr>Contents!Print_Area</vt:lpstr>
      <vt:lpstr>Details!Print_Area</vt:lpstr>
      <vt:lpstr>Table!Print_Area</vt:lpstr>
      <vt:lpstr>Contents!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ikuchi mariko</dc:creator>
  <cp:lastModifiedBy>kikuchi mariko</cp:lastModifiedBy>
  <dcterms:created xsi:type="dcterms:W3CDTF">2021-10-14T04:17:05Z</dcterms:created>
  <dcterms:modified xsi:type="dcterms:W3CDTF">2021-10-14T04:17:54Z</dcterms:modified>
</cp:coreProperties>
</file>